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5　基幹統計\01国勢調査\R2国勢調査\９０結果公表\3 富山市独自集計\国勢調査利用申請\7.  成果完了報告\成果物\富山市HP掲載\"/>
    </mc:Choice>
  </mc:AlternateContent>
  <bookViews>
    <workbookView xWindow="0" yWindow="0" windowWidth="19200" windowHeight="11610" tabRatio="606"/>
  </bookViews>
  <sheets>
    <sheet name="5（地区別）" sheetId="5" r:id="rId1"/>
    <sheet name="５（地域別)" sheetId="7" r:id="rId2"/>
  </sheets>
  <definedNames>
    <definedName name="_xlnm._FilterDatabase" localSheetId="1" hidden="1">'５（地域別)'!$A$6:$S$30</definedName>
    <definedName name="_xlnm._FilterDatabase" localSheetId="0" hidden="1">'5（地区別）'!$A$7:$M$252</definedName>
    <definedName name="_xlnm.Print_Area" localSheetId="1">'５（地域別)'!$A$1:$T$32</definedName>
    <definedName name="_xlnm.Print_Area" localSheetId="0">'5（地区別）'!$A$1:$U$25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70" uniqueCount="135">
  <si>
    <t>0602 細入南部</t>
  </si>
  <si>
    <t>0601 細入北部</t>
  </si>
  <si>
    <t>0504 山田東部</t>
  </si>
  <si>
    <t>06 山田</t>
  </si>
  <si>
    <t>0503 山田西部</t>
  </si>
  <si>
    <t>0502 山田中部</t>
  </si>
  <si>
    <t>0501 山田南部</t>
  </si>
  <si>
    <t>0408 神保</t>
  </si>
  <si>
    <t>0407 音川</t>
  </si>
  <si>
    <t>0406 古里</t>
  </si>
  <si>
    <t>0405 婦中熊野</t>
  </si>
  <si>
    <t>0404 宮川</t>
  </si>
  <si>
    <t>0403 朝日</t>
  </si>
  <si>
    <t>0402 鵜坂</t>
  </si>
  <si>
    <t>0401 速星</t>
  </si>
  <si>
    <t>0309 大長谷</t>
  </si>
  <si>
    <t>0308 仁歩</t>
  </si>
  <si>
    <t>0307 野積</t>
  </si>
  <si>
    <t>0306 黒瀬谷</t>
  </si>
  <si>
    <t>0305 室牧</t>
  </si>
  <si>
    <t>0304 卯花</t>
  </si>
  <si>
    <t>0303 杉原</t>
  </si>
  <si>
    <t>0302 保内</t>
  </si>
  <si>
    <t>0301 八尾</t>
  </si>
  <si>
    <t>0204 福沢</t>
  </si>
  <si>
    <t>03 大山</t>
  </si>
  <si>
    <t>0203 大庄</t>
  </si>
  <si>
    <t>0201 上滝</t>
  </si>
  <si>
    <t>0105 大久保</t>
  </si>
  <si>
    <t>0104 大沢野</t>
  </si>
  <si>
    <t>0102 小羽</t>
  </si>
  <si>
    <t>0101 下タ</t>
  </si>
  <si>
    <t>0050 新庄北</t>
  </si>
  <si>
    <t>0049 光陽</t>
  </si>
  <si>
    <t>0048 上条</t>
  </si>
  <si>
    <t>0047 三郷</t>
  </si>
  <si>
    <t>0046 水橋東部</t>
  </si>
  <si>
    <t>0045 水橋西部</t>
  </si>
  <si>
    <t>0044 水橋中部</t>
  </si>
  <si>
    <t>0043 池多</t>
  </si>
  <si>
    <t>0042 老田</t>
  </si>
  <si>
    <t>0041 古沢</t>
  </si>
  <si>
    <t>0040 寒江</t>
  </si>
  <si>
    <t>0039 長岡</t>
  </si>
  <si>
    <t>0038 呉羽</t>
  </si>
  <si>
    <t>0037 倉垣</t>
  </si>
  <si>
    <t>0036 草島</t>
  </si>
  <si>
    <t>0035 八幡</t>
  </si>
  <si>
    <t>0034 四方</t>
  </si>
  <si>
    <t>0033 月岡</t>
  </si>
  <si>
    <t>0032 熊野</t>
  </si>
  <si>
    <t>0031 新保</t>
  </si>
  <si>
    <t>0030 蜷川</t>
  </si>
  <si>
    <t>0029 太田</t>
  </si>
  <si>
    <t>0028 山室中部</t>
  </si>
  <si>
    <t>0027 山室</t>
  </si>
  <si>
    <t>0026 藤ノ木</t>
  </si>
  <si>
    <t>0025 新庄</t>
  </si>
  <si>
    <t>0024 広田</t>
  </si>
  <si>
    <t>0023 豊田</t>
  </si>
  <si>
    <t>0022 針原</t>
  </si>
  <si>
    <t>0021 浜黒崎</t>
  </si>
  <si>
    <t>0020 大広田</t>
  </si>
  <si>
    <t>0019 萩浦</t>
  </si>
  <si>
    <t>0018 岩瀬</t>
  </si>
  <si>
    <t>0017 神明</t>
  </si>
  <si>
    <t>0016 五福</t>
  </si>
  <si>
    <t>0015 桜谷</t>
  </si>
  <si>
    <t>0014 奥田北</t>
  </si>
  <si>
    <t>0013 奥田</t>
  </si>
  <si>
    <t>0012 東部</t>
  </si>
  <si>
    <t>0011 堀川南</t>
  </si>
  <si>
    <t>0010 堀川</t>
  </si>
  <si>
    <t>0009 西田地方</t>
  </si>
  <si>
    <t>0008 星井町</t>
  </si>
  <si>
    <t>0007 清水町</t>
  </si>
  <si>
    <t>0006 柳町</t>
  </si>
  <si>
    <t>0005 五番町</t>
  </si>
  <si>
    <t>0004 八人町</t>
  </si>
  <si>
    <t>0003 安野屋</t>
  </si>
  <si>
    <t>0002 愛宕</t>
  </si>
  <si>
    <t>0001 総曲輪</t>
  </si>
  <si>
    <t>人</t>
    <rPh sb="0" eb="1">
      <t>ニン</t>
    </rPh>
    <phoneticPr fontId="4"/>
  </si>
  <si>
    <t>地区名</t>
    <rPh sb="0" eb="3">
      <t>チクメイ</t>
    </rPh>
    <phoneticPr fontId="4"/>
  </si>
  <si>
    <t>地域名</t>
    <rPh sb="0" eb="3">
      <t>チイキメイ</t>
    </rPh>
    <phoneticPr fontId="4"/>
  </si>
  <si>
    <t>女</t>
  </si>
  <si>
    <t>男</t>
  </si>
  <si>
    <t>総数</t>
  </si>
  <si>
    <t>総計</t>
    <rPh sb="0" eb="2">
      <t>ソウケイ</t>
    </rPh>
    <phoneticPr fontId="4"/>
  </si>
  <si>
    <t>01 富山</t>
    <phoneticPr fontId="4"/>
  </si>
  <si>
    <t>01 富山</t>
    <phoneticPr fontId="4"/>
  </si>
  <si>
    <t>02 大沢野</t>
    <phoneticPr fontId="4"/>
  </si>
  <si>
    <t>02 大沢野</t>
    <phoneticPr fontId="4"/>
  </si>
  <si>
    <t>04 八尾</t>
    <phoneticPr fontId="4"/>
  </si>
  <si>
    <t>04 八尾</t>
    <phoneticPr fontId="4"/>
  </si>
  <si>
    <t>04 八尾</t>
    <phoneticPr fontId="4"/>
  </si>
  <si>
    <t>05 婦中</t>
    <phoneticPr fontId="4"/>
  </si>
  <si>
    <t>05 婦中</t>
    <phoneticPr fontId="4"/>
  </si>
  <si>
    <t>07 細入</t>
    <phoneticPr fontId="4"/>
  </si>
  <si>
    <t>07 細入</t>
    <phoneticPr fontId="4"/>
  </si>
  <si>
    <t>03 大山</t>
    <phoneticPr fontId="4"/>
  </si>
  <si>
    <t>03 大山</t>
    <phoneticPr fontId="4"/>
  </si>
  <si>
    <t>04 八尾</t>
    <phoneticPr fontId="4"/>
  </si>
  <si>
    <t>06 山田</t>
    <phoneticPr fontId="4"/>
  </si>
  <si>
    <t>06 山田</t>
    <phoneticPr fontId="4"/>
  </si>
  <si>
    <t>0202 大山</t>
    <phoneticPr fontId="2"/>
  </si>
  <si>
    <t>0202 大山</t>
    <phoneticPr fontId="2"/>
  </si>
  <si>
    <t>0202 大山</t>
    <phoneticPr fontId="2"/>
  </si>
  <si>
    <t>地域名</t>
    <rPh sb="0" eb="2">
      <t>チイキ</t>
    </rPh>
    <rPh sb="2" eb="3">
      <t>メイ</t>
    </rPh>
    <phoneticPr fontId="4"/>
  </si>
  <si>
    <t>分類</t>
    <rPh sb="0" eb="2">
      <t>ブンルイ</t>
    </rPh>
    <phoneticPr fontId="4"/>
  </si>
  <si>
    <t>総数（常住地による従業地・通学地）</t>
  </si>
  <si>
    <t>常住地による15歳以上就業者数</t>
  </si>
  <si>
    <t>自宅で従業</t>
  </si>
  <si>
    <t>自宅外の自市区町村で従業</t>
  </si>
  <si>
    <t>県内他市区町村で従業</t>
  </si>
  <si>
    <t>他県で従業</t>
  </si>
  <si>
    <t>従業市区町村「不詳・外国」</t>
  </si>
  <si>
    <t>従業地「不詳」</t>
  </si>
  <si>
    <t>常住地による15歳以上通学者数</t>
  </si>
  <si>
    <t>自市区町村へ通学</t>
  </si>
  <si>
    <t>県内他市区町村へ通学</t>
  </si>
  <si>
    <t>他県へ通学</t>
  </si>
  <si>
    <t>通学市区町村「不詳」</t>
  </si>
  <si>
    <t>通学地「不詳」</t>
  </si>
  <si>
    <t>総数</t>
    <rPh sb="0" eb="2">
      <t>ソウスウ</t>
    </rPh>
    <phoneticPr fontId="2"/>
  </si>
  <si>
    <t>総数（常住地による人口）</t>
    <rPh sb="9" eb="11">
      <t>ジンコウ</t>
    </rPh>
    <phoneticPr fontId="2"/>
  </si>
  <si>
    <t>自市区町村で従業・通学</t>
    <phoneticPr fontId="2"/>
  </si>
  <si>
    <t xml:space="preserve">他市区町村で従業
</t>
    <phoneticPr fontId="2"/>
  </si>
  <si>
    <t xml:space="preserve">他市区町村へ通学
</t>
    <phoneticPr fontId="2"/>
  </si>
  <si>
    <t>0103 船峅</t>
    <rPh sb="5" eb="6">
      <t>フネ</t>
    </rPh>
    <phoneticPr fontId="2"/>
  </si>
  <si>
    <t>×</t>
  </si>
  <si>
    <t>第5表　常住地による従業地・通学地別１５歳以上就業者数及び通学者数 － 地区別</t>
    <rPh sb="0" eb="1">
      <t>ダイ</t>
    </rPh>
    <rPh sb="2" eb="3">
      <t>ヒョウ</t>
    </rPh>
    <rPh sb="4" eb="7">
      <t>ジョウジュウチ</t>
    </rPh>
    <rPh sb="10" eb="13">
      <t>ジュウギョウチ</t>
    </rPh>
    <rPh sb="14" eb="18">
      <t>ツウガクチベツ</t>
    </rPh>
    <rPh sb="20" eb="21">
      <t>サイ</t>
    </rPh>
    <rPh sb="21" eb="23">
      <t>イジョウ</t>
    </rPh>
    <rPh sb="23" eb="26">
      <t>シュウギョウシャ</t>
    </rPh>
    <rPh sb="26" eb="27">
      <t>スウ</t>
    </rPh>
    <rPh sb="27" eb="28">
      <t>オヨ</t>
    </rPh>
    <rPh sb="29" eb="33">
      <t>ツウガクシャスウ</t>
    </rPh>
    <rPh sb="36" eb="39">
      <t>チクベツ</t>
    </rPh>
    <phoneticPr fontId="2"/>
  </si>
  <si>
    <t>第5表　常住地による従業地・通学地別１５歳以上就業者数及び通学者数 － 地域別</t>
    <rPh sb="0" eb="1">
      <t>ダイ</t>
    </rPh>
    <rPh sb="2" eb="3">
      <t>ヒョウ</t>
    </rPh>
    <rPh sb="4" eb="7">
      <t>ジョウジュウチ</t>
    </rPh>
    <rPh sb="10" eb="13">
      <t>ジュウギョウチ</t>
    </rPh>
    <rPh sb="14" eb="18">
      <t>ツウガクチベツ</t>
    </rPh>
    <rPh sb="20" eb="21">
      <t>サイ</t>
    </rPh>
    <rPh sb="21" eb="23">
      <t>イジョウ</t>
    </rPh>
    <rPh sb="23" eb="26">
      <t>シュウギョウシャ</t>
    </rPh>
    <rPh sb="26" eb="27">
      <t>スウ</t>
    </rPh>
    <rPh sb="27" eb="28">
      <t>オヨ</t>
    </rPh>
    <rPh sb="29" eb="33">
      <t>ツウガクシャスウ</t>
    </rPh>
    <rPh sb="36" eb="38">
      <t>チイキ</t>
    </rPh>
    <rPh sb="38" eb="39">
      <t>ベツ</t>
    </rPh>
    <phoneticPr fontId="2"/>
  </si>
  <si>
    <t>注：総務省統計局所管の「国勢調査」の調査票情報を利用して、富山市で独自に集計を行ったものである。</t>
    <rPh sb="0" eb="1">
      <t>チュウ</t>
    </rPh>
    <rPh sb="29" eb="32">
      <t>トヤマシ</t>
    </rPh>
    <phoneticPr fontId="4"/>
  </si>
  <si>
    <t xml:space="preserve">   ：国勢調査の基本単位区に基づいて集計しており、一部、実際の地区の区切りと異なる場合がある。</t>
    <rPh sb="4" eb="8">
      <t>コクセイチョウサ</t>
    </rPh>
    <rPh sb="9" eb="11">
      <t>キホン</t>
    </rPh>
    <rPh sb="11" eb="14">
      <t>タンイク</t>
    </rPh>
    <rPh sb="15" eb="16">
      <t>モト</t>
    </rPh>
    <rPh sb="19" eb="21">
      <t>シュウケイ</t>
    </rPh>
    <rPh sb="26" eb="28">
      <t>イチブ</t>
    </rPh>
    <rPh sb="29" eb="31">
      <t>ジッサイ</t>
    </rPh>
    <rPh sb="32" eb="34">
      <t>チク</t>
    </rPh>
    <rPh sb="35" eb="37">
      <t>クギ</t>
    </rPh>
    <rPh sb="39" eb="40">
      <t>コト</t>
    </rPh>
    <rPh sb="42" eb="44">
      <t>バアイ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76" formatCode="#,##0;&quot;△ &quot;#,##0"/>
    <numFmt numFmtId="177" formatCode="#,##0_ "/>
    <numFmt numFmtId="178" formatCode="#,##0_);[Red]\(#,##0\)"/>
  </numFmts>
  <fonts count="12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indexed="8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color theme="1"/>
      <name val="ＭＳ Ｐゴシック"/>
      <family val="3"/>
      <charset val="128"/>
      <scheme val="minor"/>
    </font>
    <font>
      <sz val="11"/>
      <color theme="1"/>
      <name val="游ゴシック"/>
      <family val="3"/>
      <charset val="128"/>
    </font>
    <font>
      <sz val="10"/>
      <color indexed="8"/>
      <name val="游ゴシック"/>
      <family val="3"/>
      <charset val="128"/>
    </font>
    <font>
      <sz val="10"/>
      <color theme="1"/>
      <name val="游ゴシック"/>
      <family val="3"/>
      <charset val="128"/>
    </font>
    <font>
      <sz val="9"/>
      <color theme="1"/>
      <name val="游ゴシック"/>
      <family val="3"/>
      <charset val="128"/>
    </font>
    <font>
      <b/>
      <sz val="12"/>
      <color theme="1"/>
      <name val="游ゴシック"/>
      <family val="3"/>
      <charset val="128"/>
    </font>
    <font>
      <sz val="10"/>
      <name val="游ゴシック"/>
      <family val="3"/>
      <charset val="128"/>
    </font>
  </fonts>
  <fills count="2">
    <fill>
      <patternFill patternType="none"/>
    </fill>
    <fill>
      <patternFill patternType="gray125"/>
    </fill>
  </fills>
  <borders count="3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hair">
        <color indexed="64"/>
      </bottom>
      <diagonal/>
    </border>
    <border>
      <left style="thin">
        <color indexed="64"/>
      </left>
      <right/>
      <top style="double">
        <color indexed="64"/>
      </top>
      <bottom style="hair">
        <color indexed="64"/>
      </bottom>
      <diagonal/>
    </border>
    <border>
      <left/>
      <right style="thin">
        <color indexed="64"/>
      </right>
      <top style="double">
        <color indexed="64"/>
      </top>
      <bottom style="hair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84">
    <xf numFmtId="0" fontId="0" fillId="0" borderId="0" xfId="0">
      <alignment vertical="center"/>
    </xf>
    <xf numFmtId="0" fontId="1" fillId="0" borderId="0" xfId="1">
      <alignment vertical="center"/>
    </xf>
    <xf numFmtId="176" fontId="1" fillId="0" borderId="0" xfId="1" applyNumberFormat="1">
      <alignment vertical="center"/>
    </xf>
    <xf numFmtId="0" fontId="5" fillId="0" borderId="0" xfId="0" applyFont="1" applyFill="1">
      <alignment vertical="center"/>
    </xf>
    <xf numFmtId="0" fontId="0" fillId="0" borderId="0" xfId="0" applyFill="1">
      <alignment vertical="center"/>
    </xf>
    <xf numFmtId="0" fontId="3" fillId="0" borderId="0" xfId="0" applyFont="1" applyFill="1">
      <alignment vertical="center"/>
    </xf>
    <xf numFmtId="0" fontId="1" fillId="0" borderId="0" xfId="1" applyBorder="1">
      <alignment vertical="center"/>
    </xf>
    <xf numFmtId="176" fontId="9" fillId="0" borderId="1" xfId="1" applyNumberFormat="1" applyFont="1" applyFill="1" applyBorder="1">
      <alignment vertical="center"/>
    </xf>
    <xf numFmtId="176" fontId="6" fillId="0" borderId="1" xfId="1" applyNumberFormat="1" applyFont="1" applyFill="1" applyBorder="1">
      <alignment vertical="center"/>
    </xf>
    <xf numFmtId="176" fontId="6" fillId="0" borderId="15" xfId="1" applyNumberFormat="1" applyFont="1" applyFill="1" applyBorder="1" applyAlignment="1">
      <alignment horizontal="center" vertical="center"/>
    </xf>
    <xf numFmtId="176" fontId="6" fillId="0" borderId="1" xfId="1" applyNumberFormat="1" applyFont="1" applyFill="1" applyBorder="1" applyAlignment="1">
      <alignment horizontal="center" vertical="center"/>
    </xf>
    <xf numFmtId="176" fontId="6" fillId="0" borderId="10" xfId="1" applyNumberFormat="1" applyFont="1" applyFill="1" applyBorder="1" applyAlignment="1">
      <alignment horizontal="center" vertical="center"/>
    </xf>
    <xf numFmtId="0" fontId="10" fillId="0" borderId="0" xfId="0" applyFont="1" applyFill="1">
      <alignment vertical="center"/>
    </xf>
    <xf numFmtId="0" fontId="9" fillId="0" borderId="9" xfId="1" applyFont="1" applyBorder="1">
      <alignment vertical="center"/>
    </xf>
    <xf numFmtId="0" fontId="9" fillId="0" borderId="8" xfId="1" applyFont="1" applyBorder="1" applyAlignment="1">
      <alignment horizontal="center" vertical="center"/>
    </xf>
    <xf numFmtId="176" fontId="6" fillId="0" borderId="9" xfId="1" applyNumberFormat="1" applyFont="1" applyFill="1" applyBorder="1">
      <alignment vertical="center"/>
    </xf>
    <xf numFmtId="0" fontId="9" fillId="0" borderId="1" xfId="1" applyFont="1" applyBorder="1">
      <alignment vertical="center"/>
    </xf>
    <xf numFmtId="0" fontId="9" fillId="0" borderId="6" xfId="1" applyFont="1" applyFill="1" applyBorder="1" applyAlignment="1">
      <alignment horizontal="center" vertical="center"/>
    </xf>
    <xf numFmtId="176" fontId="6" fillId="0" borderId="4" xfId="1" applyNumberFormat="1" applyFont="1" applyFill="1" applyBorder="1">
      <alignment vertical="center"/>
    </xf>
    <xf numFmtId="0" fontId="9" fillId="0" borderId="6" xfId="1" applyFont="1" applyBorder="1" applyAlignment="1">
      <alignment horizontal="center" vertical="center"/>
    </xf>
    <xf numFmtId="0" fontId="9" fillId="0" borderId="18" xfId="1" applyFont="1" applyBorder="1">
      <alignment vertical="center"/>
    </xf>
    <xf numFmtId="0" fontId="9" fillId="0" borderId="26" xfId="1" applyFont="1" applyFill="1" applyBorder="1" applyAlignment="1">
      <alignment horizontal="center" vertical="center"/>
    </xf>
    <xf numFmtId="0" fontId="9" fillId="0" borderId="4" xfId="1" applyFont="1" applyBorder="1">
      <alignment vertical="center"/>
    </xf>
    <xf numFmtId="0" fontId="9" fillId="0" borderId="3" xfId="1" applyFont="1" applyFill="1" applyBorder="1" applyAlignment="1">
      <alignment horizontal="center" vertical="center"/>
    </xf>
    <xf numFmtId="176" fontId="6" fillId="0" borderId="9" xfId="1" applyNumberFormat="1" applyFont="1" applyBorder="1">
      <alignment vertical="center"/>
    </xf>
    <xf numFmtId="176" fontId="6" fillId="0" borderId="1" xfId="1" applyNumberFormat="1" applyFont="1" applyBorder="1">
      <alignment vertical="center"/>
    </xf>
    <xf numFmtId="0" fontId="9" fillId="0" borderId="26" xfId="1" applyFont="1" applyBorder="1" applyAlignment="1">
      <alignment horizontal="center" vertical="center"/>
    </xf>
    <xf numFmtId="176" fontId="6" fillId="0" borderId="18" xfId="1" applyNumberFormat="1" applyFont="1" applyBorder="1">
      <alignment vertical="center"/>
    </xf>
    <xf numFmtId="0" fontId="9" fillId="0" borderId="3" xfId="1" applyFont="1" applyBorder="1" applyAlignment="1">
      <alignment horizontal="center" vertical="center"/>
    </xf>
    <xf numFmtId="0" fontId="9" fillId="0" borderId="19" xfId="1" applyFont="1" applyBorder="1">
      <alignment vertical="center"/>
    </xf>
    <xf numFmtId="0" fontId="9" fillId="0" borderId="24" xfId="1" applyFont="1" applyBorder="1" applyAlignment="1">
      <alignment horizontal="center" vertical="center"/>
    </xf>
    <xf numFmtId="176" fontId="6" fillId="0" borderId="4" xfId="1" applyNumberFormat="1" applyFont="1" applyBorder="1">
      <alignment vertical="center"/>
    </xf>
    <xf numFmtId="0" fontId="9" fillId="0" borderId="29" xfId="1" applyFont="1" applyBorder="1">
      <alignment vertical="center"/>
    </xf>
    <xf numFmtId="0" fontId="9" fillId="0" borderId="30" xfId="1" applyFont="1" applyBorder="1" applyAlignment="1">
      <alignment horizontal="center" vertical="center"/>
    </xf>
    <xf numFmtId="176" fontId="6" fillId="0" borderId="29" xfId="1" applyNumberFormat="1" applyFont="1" applyBorder="1">
      <alignment vertical="center"/>
    </xf>
    <xf numFmtId="0" fontId="11" fillId="0" borderId="0" xfId="0" applyFont="1" applyAlignment="1"/>
    <xf numFmtId="177" fontId="6" fillId="0" borderId="0" xfId="0" applyNumberFormat="1" applyFont="1" applyFill="1" applyAlignment="1"/>
    <xf numFmtId="178" fontId="6" fillId="0" borderId="0" xfId="0" applyNumberFormat="1" applyFont="1" applyFill="1" applyAlignment="1"/>
    <xf numFmtId="177" fontId="6" fillId="0" borderId="0" xfId="0" applyNumberFormat="1" applyFont="1" applyFill="1" applyAlignment="1">
      <alignment horizontal="left"/>
    </xf>
    <xf numFmtId="177" fontId="0" fillId="0" borderId="0" xfId="0" applyNumberFormat="1" applyFont="1" applyFill="1" applyAlignment="1"/>
    <xf numFmtId="0" fontId="8" fillId="0" borderId="15" xfId="0" applyFont="1" applyBorder="1" applyAlignment="1">
      <alignment horizontal="center" vertical="center" wrapText="1"/>
    </xf>
    <xf numFmtId="0" fontId="8" fillId="0" borderId="15" xfId="0" applyFont="1" applyBorder="1" applyAlignment="1">
      <alignment vertical="center" wrapText="1"/>
    </xf>
    <xf numFmtId="0" fontId="8" fillId="0" borderId="10" xfId="0" applyFont="1" applyFill="1" applyBorder="1" applyAlignment="1">
      <alignment horizontal="right" vertical="center" wrapText="1"/>
    </xf>
    <xf numFmtId="0" fontId="3" fillId="0" borderId="0" xfId="0" applyFont="1" applyFill="1" applyAlignment="1">
      <alignment horizontal="left" vertical="center"/>
    </xf>
    <xf numFmtId="0" fontId="9" fillId="0" borderId="7" xfId="1" applyFont="1" applyBorder="1" applyAlignment="1">
      <alignment horizontal="left" vertical="center"/>
    </xf>
    <xf numFmtId="0" fontId="9" fillId="0" borderId="5" xfId="1" applyFont="1" applyFill="1" applyBorder="1" applyAlignment="1">
      <alignment horizontal="left" vertical="center"/>
    </xf>
    <xf numFmtId="0" fontId="9" fillId="0" borderId="5" xfId="1" applyFont="1" applyBorder="1" applyAlignment="1">
      <alignment horizontal="left" vertical="center"/>
    </xf>
    <xf numFmtId="0" fontId="9" fillId="0" borderId="27" xfId="1" applyFont="1" applyBorder="1" applyAlignment="1">
      <alignment horizontal="left" vertical="center"/>
    </xf>
    <xf numFmtId="0" fontId="9" fillId="0" borderId="2" xfId="1" applyFont="1" applyFill="1" applyBorder="1" applyAlignment="1">
      <alignment horizontal="left" vertical="center"/>
    </xf>
    <xf numFmtId="0" fontId="1" fillId="0" borderId="0" xfId="1" applyAlignment="1">
      <alignment horizontal="left" vertical="center"/>
    </xf>
    <xf numFmtId="0" fontId="9" fillId="0" borderId="2" xfId="1" applyFont="1" applyBorder="1" applyAlignment="1">
      <alignment horizontal="left" vertical="center"/>
    </xf>
    <xf numFmtId="0" fontId="9" fillId="0" borderId="25" xfId="1" applyFont="1" applyBorder="1" applyAlignment="1">
      <alignment horizontal="left" vertical="center"/>
    </xf>
    <xf numFmtId="0" fontId="9" fillId="0" borderId="31" xfId="1" applyFont="1" applyBorder="1" applyAlignment="1">
      <alignment horizontal="left" vertical="center"/>
    </xf>
    <xf numFmtId="178" fontId="6" fillId="0" borderId="0" xfId="0" applyNumberFormat="1" applyFont="1" applyFill="1" applyAlignment="1">
      <alignment horizontal="left"/>
    </xf>
    <xf numFmtId="0" fontId="8" fillId="0" borderId="15" xfId="0" applyFont="1" applyBorder="1" applyAlignment="1">
      <alignment horizontal="center" vertical="center" wrapText="1"/>
    </xf>
    <xf numFmtId="0" fontId="8" fillId="0" borderId="13" xfId="0" applyFont="1" applyBorder="1" applyAlignment="1">
      <alignment horizontal="center" vertical="center" wrapText="1"/>
    </xf>
    <xf numFmtId="0" fontId="8" fillId="0" borderId="10" xfId="0" applyFont="1" applyBorder="1" applyAlignment="1">
      <alignment horizontal="center" vertical="center" wrapText="1"/>
    </xf>
    <xf numFmtId="0" fontId="8" fillId="0" borderId="15" xfId="0" applyFont="1" applyBorder="1" applyAlignment="1">
      <alignment horizontal="center" vertical="center"/>
    </xf>
    <xf numFmtId="0" fontId="8" fillId="0" borderId="13" xfId="0" applyFont="1" applyBorder="1" applyAlignment="1">
      <alignment horizontal="center" vertical="center"/>
    </xf>
    <xf numFmtId="0" fontId="8" fillId="0" borderId="10" xfId="0" applyFont="1" applyBorder="1" applyAlignment="1">
      <alignment horizontal="center" vertical="center"/>
    </xf>
    <xf numFmtId="0" fontId="7" fillId="0" borderId="16" xfId="1" applyFont="1" applyBorder="1" applyAlignment="1">
      <alignment horizontal="center" vertical="center"/>
    </xf>
    <xf numFmtId="0" fontId="7" fillId="0" borderId="17" xfId="1" applyFont="1" applyBorder="1" applyAlignment="1">
      <alignment horizontal="center" vertical="center"/>
    </xf>
    <xf numFmtId="0" fontId="7" fillId="0" borderId="14" xfId="1" applyFont="1" applyBorder="1" applyAlignment="1">
      <alignment horizontal="center" vertical="center"/>
    </xf>
    <xf numFmtId="0" fontId="7" fillId="0" borderId="28" xfId="1" applyFont="1" applyBorder="1" applyAlignment="1">
      <alignment horizontal="center" vertical="center"/>
    </xf>
    <xf numFmtId="0" fontId="7" fillId="0" borderId="12" xfId="1" applyFont="1" applyBorder="1" applyAlignment="1">
      <alignment horizontal="center" vertical="center"/>
    </xf>
    <xf numFmtId="0" fontId="7" fillId="0" borderId="11" xfId="1" applyFont="1" applyBorder="1" applyAlignment="1">
      <alignment horizontal="center" vertical="center"/>
    </xf>
    <xf numFmtId="0" fontId="8" fillId="0" borderId="21" xfId="1" applyFont="1" applyBorder="1" applyAlignment="1">
      <alignment horizontal="center" vertical="center"/>
    </xf>
    <xf numFmtId="0" fontId="8" fillId="0" borderId="22" xfId="1" applyFont="1" applyBorder="1" applyAlignment="1">
      <alignment horizontal="center" vertical="center"/>
    </xf>
    <xf numFmtId="0" fontId="8" fillId="0" borderId="20" xfId="0" applyFont="1" applyFill="1" applyBorder="1" applyAlignment="1">
      <alignment horizontal="center" vertical="center"/>
    </xf>
    <xf numFmtId="0" fontId="8" fillId="0" borderId="21" xfId="0" applyFont="1" applyFill="1" applyBorder="1" applyAlignment="1">
      <alignment horizontal="center" vertical="center"/>
    </xf>
    <xf numFmtId="0" fontId="8" fillId="0" borderId="22" xfId="0" applyFont="1" applyFill="1" applyBorder="1" applyAlignment="1">
      <alignment horizontal="center" vertical="center"/>
    </xf>
    <xf numFmtId="0" fontId="8" fillId="0" borderId="16" xfId="0" applyFont="1" applyBorder="1" applyAlignment="1">
      <alignment horizontal="left" vertical="center" wrapText="1"/>
    </xf>
    <xf numFmtId="0" fontId="8" fillId="0" borderId="13" xfId="0" applyFont="1" applyBorder="1" applyAlignment="1">
      <alignment horizontal="left" vertical="center" wrapText="1"/>
    </xf>
    <xf numFmtId="0" fontId="8" fillId="0" borderId="21" xfId="0" applyFont="1" applyBorder="1" applyAlignment="1">
      <alignment horizontal="center" vertical="center" wrapText="1"/>
    </xf>
    <xf numFmtId="0" fontId="8" fillId="0" borderId="22" xfId="0" applyFont="1" applyBorder="1" applyAlignment="1">
      <alignment horizontal="center" vertical="center" wrapText="1"/>
    </xf>
    <xf numFmtId="0" fontId="8" fillId="0" borderId="16" xfId="0" applyFont="1" applyBorder="1" applyAlignment="1">
      <alignment horizontal="center" vertical="center" wrapText="1"/>
    </xf>
    <xf numFmtId="0" fontId="8" fillId="0" borderId="14" xfId="0" applyFont="1" applyBorder="1" applyAlignment="1">
      <alignment horizontal="center" vertical="center" wrapText="1"/>
    </xf>
    <xf numFmtId="0" fontId="8" fillId="0" borderId="21" xfId="0" applyFont="1" applyFill="1" applyBorder="1" applyAlignment="1">
      <alignment horizontal="center" vertical="center" wrapText="1"/>
    </xf>
    <xf numFmtId="0" fontId="8" fillId="0" borderId="22" xfId="0" applyFont="1" applyFill="1" applyBorder="1" applyAlignment="1">
      <alignment horizontal="center" vertical="center" wrapText="1"/>
    </xf>
    <xf numFmtId="0" fontId="7" fillId="0" borderId="20" xfId="0" applyFont="1" applyFill="1" applyBorder="1" applyAlignment="1">
      <alignment horizontal="center" vertical="center"/>
    </xf>
    <xf numFmtId="0" fontId="7" fillId="0" borderId="21" xfId="0" applyFont="1" applyFill="1" applyBorder="1" applyAlignment="1">
      <alignment horizontal="center" vertical="center"/>
    </xf>
    <xf numFmtId="0" fontId="7" fillId="0" borderId="22" xfId="0" applyFont="1" applyFill="1" applyBorder="1" applyAlignment="1">
      <alignment horizontal="center" vertical="center"/>
    </xf>
    <xf numFmtId="0" fontId="8" fillId="0" borderId="23" xfId="1" applyFont="1" applyFill="1" applyBorder="1" applyAlignment="1">
      <alignment horizontal="center" vertical="center"/>
    </xf>
    <xf numFmtId="0" fontId="8" fillId="0" borderId="23" xfId="0" applyFont="1" applyBorder="1" applyAlignment="1">
      <alignment horizontal="center" vertical="center" wrapText="1"/>
    </xf>
  </cellXfs>
  <cellStyles count="2">
    <cellStyle name="標準" xfId="0" builtinId="0"/>
    <cellStyle name="標準 3" xfId="1"/>
  </cellStyles>
  <dxfs count="24"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  <dxf>
      <border>
        <bottom style="thin">
          <color indexed="64"/>
        </bottom>
      </border>
    </dxf>
  </dxfs>
  <tableStyles count="0" defaultTableStyle="TableStyleMedium2" defaultPivotStyle="PivotStyleLight16"/>
  <colors>
    <mruColors>
      <color rgb="FFFF99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254"/>
  <sheetViews>
    <sheetView tabSelected="1" workbookViewId="0">
      <pane ySplit="6" topLeftCell="A7" activePane="bottomLeft" state="frozen"/>
      <selection activeCell="D6" sqref="D6"/>
      <selection pane="bottomLeft" activeCell="F26" sqref="F26"/>
    </sheetView>
  </sheetViews>
  <sheetFormatPr defaultRowHeight="13.5" x14ac:dyDescent="0.15"/>
  <cols>
    <col min="1" max="1" width="8.625" style="1" customWidth="1"/>
    <col min="2" max="2" width="12.625" style="1" customWidth="1"/>
    <col min="3" max="3" width="3.625" style="1" customWidth="1"/>
    <col min="4" max="4" width="5.625" style="49" customWidth="1"/>
    <col min="5" max="8" width="9.625" style="2" customWidth="1"/>
    <col min="9" max="21" width="9.625" style="1" customWidth="1"/>
    <col min="22" max="237" width="9" style="1"/>
    <col min="238" max="238" width="10.375" style="1" customWidth="1"/>
    <col min="239" max="239" width="12.875" style="1" customWidth="1"/>
    <col min="240" max="240" width="4.125" style="1" customWidth="1"/>
    <col min="241" max="241" width="6.875" style="1" customWidth="1"/>
    <col min="242" max="493" width="9" style="1"/>
    <col min="494" max="494" width="10.375" style="1" customWidth="1"/>
    <col min="495" max="495" width="12.875" style="1" customWidth="1"/>
    <col min="496" max="496" width="4.125" style="1" customWidth="1"/>
    <col min="497" max="497" width="6.875" style="1" customWidth="1"/>
    <col min="498" max="749" width="9" style="1"/>
    <col min="750" max="750" width="10.375" style="1" customWidth="1"/>
    <col min="751" max="751" width="12.875" style="1" customWidth="1"/>
    <col min="752" max="752" width="4.125" style="1" customWidth="1"/>
    <col min="753" max="753" width="6.875" style="1" customWidth="1"/>
    <col min="754" max="1005" width="9" style="1"/>
    <col min="1006" max="1006" width="10.375" style="1" customWidth="1"/>
    <col min="1007" max="1007" width="12.875" style="1" customWidth="1"/>
    <col min="1008" max="1008" width="4.125" style="1" customWidth="1"/>
    <col min="1009" max="1009" width="6.875" style="1" customWidth="1"/>
    <col min="1010" max="1261" width="9" style="1"/>
    <col min="1262" max="1262" width="10.375" style="1" customWidth="1"/>
    <col min="1263" max="1263" width="12.875" style="1" customWidth="1"/>
    <col min="1264" max="1264" width="4.125" style="1" customWidth="1"/>
    <col min="1265" max="1265" width="6.875" style="1" customWidth="1"/>
    <col min="1266" max="1517" width="9" style="1"/>
    <col min="1518" max="1518" width="10.375" style="1" customWidth="1"/>
    <col min="1519" max="1519" width="12.875" style="1" customWidth="1"/>
    <col min="1520" max="1520" width="4.125" style="1" customWidth="1"/>
    <col min="1521" max="1521" width="6.875" style="1" customWidth="1"/>
    <col min="1522" max="1773" width="9" style="1"/>
    <col min="1774" max="1774" width="10.375" style="1" customWidth="1"/>
    <col min="1775" max="1775" width="12.875" style="1" customWidth="1"/>
    <col min="1776" max="1776" width="4.125" style="1" customWidth="1"/>
    <col min="1777" max="1777" width="6.875" style="1" customWidth="1"/>
    <col min="1778" max="2029" width="9" style="1"/>
    <col min="2030" max="2030" width="10.375" style="1" customWidth="1"/>
    <col min="2031" max="2031" width="12.875" style="1" customWidth="1"/>
    <col min="2032" max="2032" width="4.125" style="1" customWidth="1"/>
    <col min="2033" max="2033" width="6.875" style="1" customWidth="1"/>
    <col min="2034" max="2285" width="9" style="1"/>
    <col min="2286" max="2286" width="10.375" style="1" customWidth="1"/>
    <col min="2287" max="2287" width="12.875" style="1" customWidth="1"/>
    <col min="2288" max="2288" width="4.125" style="1" customWidth="1"/>
    <col min="2289" max="2289" width="6.875" style="1" customWidth="1"/>
    <col min="2290" max="2541" width="9" style="1"/>
    <col min="2542" max="2542" width="10.375" style="1" customWidth="1"/>
    <col min="2543" max="2543" width="12.875" style="1" customWidth="1"/>
    <col min="2544" max="2544" width="4.125" style="1" customWidth="1"/>
    <col min="2545" max="2545" width="6.875" style="1" customWidth="1"/>
    <col min="2546" max="2797" width="9" style="1"/>
    <col min="2798" max="2798" width="10.375" style="1" customWidth="1"/>
    <col min="2799" max="2799" width="12.875" style="1" customWidth="1"/>
    <col min="2800" max="2800" width="4.125" style="1" customWidth="1"/>
    <col min="2801" max="2801" width="6.875" style="1" customWidth="1"/>
    <col min="2802" max="3053" width="9" style="1"/>
    <col min="3054" max="3054" width="10.375" style="1" customWidth="1"/>
    <col min="3055" max="3055" width="12.875" style="1" customWidth="1"/>
    <col min="3056" max="3056" width="4.125" style="1" customWidth="1"/>
    <col min="3057" max="3057" width="6.875" style="1" customWidth="1"/>
    <col min="3058" max="3309" width="9" style="1"/>
    <col min="3310" max="3310" width="10.375" style="1" customWidth="1"/>
    <col min="3311" max="3311" width="12.875" style="1" customWidth="1"/>
    <col min="3312" max="3312" width="4.125" style="1" customWidth="1"/>
    <col min="3313" max="3313" width="6.875" style="1" customWidth="1"/>
    <col min="3314" max="3565" width="9" style="1"/>
    <col min="3566" max="3566" width="10.375" style="1" customWidth="1"/>
    <col min="3567" max="3567" width="12.875" style="1" customWidth="1"/>
    <col min="3568" max="3568" width="4.125" style="1" customWidth="1"/>
    <col min="3569" max="3569" width="6.875" style="1" customWidth="1"/>
    <col min="3570" max="3821" width="9" style="1"/>
    <col min="3822" max="3822" width="10.375" style="1" customWidth="1"/>
    <col min="3823" max="3823" width="12.875" style="1" customWidth="1"/>
    <col min="3824" max="3824" width="4.125" style="1" customWidth="1"/>
    <col min="3825" max="3825" width="6.875" style="1" customWidth="1"/>
    <col min="3826" max="4077" width="9" style="1"/>
    <col min="4078" max="4078" width="10.375" style="1" customWidth="1"/>
    <col min="4079" max="4079" width="12.875" style="1" customWidth="1"/>
    <col min="4080" max="4080" width="4.125" style="1" customWidth="1"/>
    <col min="4081" max="4081" width="6.875" style="1" customWidth="1"/>
    <col min="4082" max="4333" width="9" style="1"/>
    <col min="4334" max="4334" width="10.375" style="1" customWidth="1"/>
    <col min="4335" max="4335" width="12.875" style="1" customWidth="1"/>
    <col min="4336" max="4336" width="4.125" style="1" customWidth="1"/>
    <col min="4337" max="4337" width="6.875" style="1" customWidth="1"/>
    <col min="4338" max="4589" width="9" style="1"/>
    <col min="4590" max="4590" width="10.375" style="1" customWidth="1"/>
    <col min="4591" max="4591" width="12.875" style="1" customWidth="1"/>
    <col min="4592" max="4592" width="4.125" style="1" customWidth="1"/>
    <col min="4593" max="4593" width="6.875" style="1" customWidth="1"/>
    <col min="4594" max="4845" width="9" style="1"/>
    <col min="4846" max="4846" width="10.375" style="1" customWidth="1"/>
    <col min="4847" max="4847" width="12.875" style="1" customWidth="1"/>
    <col min="4848" max="4848" width="4.125" style="1" customWidth="1"/>
    <col min="4849" max="4849" width="6.875" style="1" customWidth="1"/>
    <col min="4850" max="5101" width="9" style="1"/>
    <col min="5102" max="5102" width="10.375" style="1" customWidth="1"/>
    <col min="5103" max="5103" width="12.875" style="1" customWidth="1"/>
    <col min="5104" max="5104" width="4.125" style="1" customWidth="1"/>
    <col min="5105" max="5105" width="6.875" style="1" customWidth="1"/>
    <col min="5106" max="5357" width="9" style="1"/>
    <col min="5358" max="5358" width="10.375" style="1" customWidth="1"/>
    <col min="5359" max="5359" width="12.875" style="1" customWidth="1"/>
    <col min="5360" max="5360" width="4.125" style="1" customWidth="1"/>
    <col min="5361" max="5361" width="6.875" style="1" customWidth="1"/>
    <col min="5362" max="5613" width="9" style="1"/>
    <col min="5614" max="5614" width="10.375" style="1" customWidth="1"/>
    <col min="5615" max="5615" width="12.875" style="1" customWidth="1"/>
    <col min="5616" max="5616" width="4.125" style="1" customWidth="1"/>
    <col min="5617" max="5617" width="6.875" style="1" customWidth="1"/>
    <col min="5618" max="5869" width="9" style="1"/>
    <col min="5870" max="5870" width="10.375" style="1" customWidth="1"/>
    <col min="5871" max="5871" width="12.875" style="1" customWidth="1"/>
    <col min="5872" max="5872" width="4.125" style="1" customWidth="1"/>
    <col min="5873" max="5873" width="6.875" style="1" customWidth="1"/>
    <col min="5874" max="6125" width="9" style="1"/>
    <col min="6126" max="6126" width="10.375" style="1" customWidth="1"/>
    <col min="6127" max="6127" width="12.875" style="1" customWidth="1"/>
    <col min="6128" max="6128" width="4.125" style="1" customWidth="1"/>
    <col min="6129" max="6129" width="6.875" style="1" customWidth="1"/>
    <col min="6130" max="6381" width="9" style="1"/>
    <col min="6382" max="6382" width="10.375" style="1" customWidth="1"/>
    <col min="6383" max="6383" width="12.875" style="1" customWidth="1"/>
    <col min="6384" max="6384" width="4.125" style="1" customWidth="1"/>
    <col min="6385" max="6385" width="6.875" style="1" customWidth="1"/>
    <col min="6386" max="6637" width="9" style="1"/>
    <col min="6638" max="6638" width="10.375" style="1" customWidth="1"/>
    <col min="6639" max="6639" width="12.875" style="1" customWidth="1"/>
    <col min="6640" max="6640" width="4.125" style="1" customWidth="1"/>
    <col min="6641" max="6641" width="6.875" style="1" customWidth="1"/>
    <col min="6642" max="6893" width="9" style="1"/>
    <col min="6894" max="6894" width="10.375" style="1" customWidth="1"/>
    <col min="6895" max="6895" width="12.875" style="1" customWidth="1"/>
    <col min="6896" max="6896" width="4.125" style="1" customWidth="1"/>
    <col min="6897" max="6897" width="6.875" style="1" customWidth="1"/>
    <col min="6898" max="7149" width="9" style="1"/>
    <col min="7150" max="7150" width="10.375" style="1" customWidth="1"/>
    <col min="7151" max="7151" width="12.875" style="1" customWidth="1"/>
    <col min="7152" max="7152" width="4.125" style="1" customWidth="1"/>
    <col min="7153" max="7153" width="6.875" style="1" customWidth="1"/>
    <col min="7154" max="7405" width="9" style="1"/>
    <col min="7406" max="7406" width="10.375" style="1" customWidth="1"/>
    <col min="7407" max="7407" width="12.875" style="1" customWidth="1"/>
    <col min="7408" max="7408" width="4.125" style="1" customWidth="1"/>
    <col min="7409" max="7409" width="6.875" style="1" customWidth="1"/>
    <col min="7410" max="7661" width="9" style="1"/>
    <col min="7662" max="7662" width="10.375" style="1" customWidth="1"/>
    <col min="7663" max="7663" width="12.875" style="1" customWidth="1"/>
    <col min="7664" max="7664" width="4.125" style="1" customWidth="1"/>
    <col min="7665" max="7665" width="6.875" style="1" customWidth="1"/>
    <col min="7666" max="7917" width="9" style="1"/>
    <col min="7918" max="7918" width="10.375" style="1" customWidth="1"/>
    <col min="7919" max="7919" width="12.875" style="1" customWidth="1"/>
    <col min="7920" max="7920" width="4.125" style="1" customWidth="1"/>
    <col min="7921" max="7921" width="6.875" style="1" customWidth="1"/>
    <col min="7922" max="8173" width="9" style="1"/>
    <col min="8174" max="8174" width="10.375" style="1" customWidth="1"/>
    <col min="8175" max="8175" width="12.875" style="1" customWidth="1"/>
    <col min="8176" max="8176" width="4.125" style="1" customWidth="1"/>
    <col min="8177" max="8177" width="6.875" style="1" customWidth="1"/>
    <col min="8178" max="8429" width="9" style="1"/>
    <col min="8430" max="8430" width="10.375" style="1" customWidth="1"/>
    <col min="8431" max="8431" width="12.875" style="1" customWidth="1"/>
    <col min="8432" max="8432" width="4.125" style="1" customWidth="1"/>
    <col min="8433" max="8433" width="6.875" style="1" customWidth="1"/>
    <col min="8434" max="8685" width="9" style="1"/>
    <col min="8686" max="8686" width="10.375" style="1" customWidth="1"/>
    <col min="8687" max="8687" width="12.875" style="1" customWidth="1"/>
    <col min="8688" max="8688" width="4.125" style="1" customWidth="1"/>
    <col min="8689" max="8689" width="6.875" style="1" customWidth="1"/>
    <col min="8690" max="8941" width="9" style="1"/>
    <col min="8942" max="8942" width="10.375" style="1" customWidth="1"/>
    <col min="8943" max="8943" width="12.875" style="1" customWidth="1"/>
    <col min="8944" max="8944" width="4.125" style="1" customWidth="1"/>
    <col min="8945" max="8945" width="6.875" style="1" customWidth="1"/>
    <col min="8946" max="9197" width="9" style="1"/>
    <col min="9198" max="9198" width="10.375" style="1" customWidth="1"/>
    <col min="9199" max="9199" width="12.875" style="1" customWidth="1"/>
    <col min="9200" max="9200" width="4.125" style="1" customWidth="1"/>
    <col min="9201" max="9201" width="6.875" style="1" customWidth="1"/>
    <col min="9202" max="9453" width="9" style="1"/>
    <col min="9454" max="9454" width="10.375" style="1" customWidth="1"/>
    <col min="9455" max="9455" width="12.875" style="1" customWidth="1"/>
    <col min="9456" max="9456" width="4.125" style="1" customWidth="1"/>
    <col min="9457" max="9457" width="6.875" style="1" customWidth="1"/>
    <col min="9458" max="9709" width="9" style="1"/>
    <col min="9710" max="9710" width="10.375" style="1" customWidth="1"/>
    <col min="9711" max="9711" width="12.875" style="1" customWidth="1"/>
    <col min="9712" max="9712" width="4.125" style="1" customWidth="1"/>
    <col min="9713" max="9713" width="6.875" style="1" customWidth="1"/>
    <col min="9714" max="9965" width="9" style="1"/>
    <col min="9966" max="9966" width="10.375" style="1" customWidth="1"/>
    <col min="9967" max="9967" width="12.875" style="1" customWidth="1"/>
    <col min="9968" max="9968" width="4.125" style="1" customWidth="1"/>
    <col min="9969" max="9969" width="6.875" style="1" customWidth="1"/>
    <col min="9970" max="10221" width="9" style="1"/>
    <col min="10222" max="10222" width="10.375" style="1" customWidth="1"/>
    <col min="10223" max="10223" width="12.875" style="1" customWidth="1"/>
    <col min="10224" max="10224" width="4.125" style="1" customWidth="1"/>
    <col min="10225" max="10225" width="6.875" style="1" customWidth="1"/>
    <col min="10226" max="10477" width="9" style="1"/>
    <col min="10478" max="10478" width="10.375" style="1" customWidth="1"/>
    <col min="10479" max="10479" width="12.875" style="1" customWidth="1"/>
    <col min="10480" max="10480" width="4.125" style="1" customWidth="1"/>
    <col min="10481" max="10481" width="6.875" style="1" customWidth="1"/>
    <col min="10482" max="10733" width="9" style="1"/>
    <col min="10734" max="10734" width="10.375" style="1" customWidth="1"/>
    <col min="10735" max="10735" width="12.875" style="1" customWidth="1"/>
    <col min="10736" max="10736" width="4.125" style="1" customWidth="1"/>
    <col min="10737" max="10737" width="6.875" style="1" customWidth="1"/>
    <col min="10738" max="10989" width="9" style="1"/>
    <col min="10990" max="10990" width="10.375" style="1" customWidth="1"/>
    <col min="10991" max="10991" width="12.875" style="1" customWidth="1"/>
    <col min="10992" max="10992" width="4.125" style="1" customWidth="1"/>
    <col min="10993" max="10993" width="6.875" style="1" customWidth="1"/>
    <col min="10994" max="11245" width="9" style="1"/>
    <col min="11246" max="11246" width="10.375" style="1" customWidth="1"/>
    <col min="11247" max="11247" width="12.875" style="1" customWidth="1"/>
    <col min="11248" max="11248" width="4.125" style="1" customWidth="1"/>
    <col min="11249" max="11249" width="6.875" style="1" customWidth="1"/>
    <col min="11250" max="11501" width="9" style="1"/>
    <col min="11502" max="11502" width="10.375" style="1" customWidth="1"/>
    <col min="11503" max="11503" width="12.875" style="1" customWidth="1"/>
    <col min="11504" max="11504" width="4.125" style="1" customWidth="1"/>
    <col min="11505" max="11505" width="6.875" style="1" customWidth="1"/>
    <col min="11506" max="11757" width="9" style="1"/>
    <col min="11758" max="11758" width="10.375" style="1" customWidth="1"/>
    <col min="11759" max="11759" width="12.875" style="1" customWidth="1"/>
    <col min="11760" max="11760" width="4.125" style="1" customWidth="1"/>
    <col min="11761" max="11761" width="6.875" style="1" customWidth="1"/>
    <col min="11762" max="12013" width="9" style="1"/>
    <col min="12014" max="12014" width="10.375" style="1" customWidth="1"/>
    <col min="12015" max="12015" width="12.875" style="1" customWidth="1"/>
    <col min="12016" max="12016" width="4.125" style="1" customWidth="1"/>
    <col min="12017" max="12017" width="6.875" style="1" customWidth="1"/>
    <col min="12018" max="12269" width="9" style="1"/>
    <col min="12270" max="12270" width="10.375" style="1" customWidth="1"/>
    <col min="12271" max="12271" width="12.875" style="1" customWidth="1"/>
    <col min="12272" max="12272" width="4.125" style="1" customWidth="1"/>
    <col min="12273" max="12273" width="6.875" style="1" customWidth="1"/>
    <col min="12274" max="12525" width="9" style="1"/>
    <col min="12526" max="12526" width="10.375" style="1" customWidth="1"/>
    <col min="12527" max="12527" width="12.875" style="1" customWidth="1"/>
    <col min="12528" max="12528" width="4.125" style="1" customWidth="1"/>
    <col min="12529" max="12529" width="6.875" style="1" customWidth="1"/>
    <col min="12530" max="12781" width="9" style="1"/>
    <col min="12782" max="12782" width="10.375" style="1" customWidth="1"/>
    <col min="12783" max="12783" width="12.875" style="1" customWidth="1"/>
    <col min="12784" max="12784" width="4.125" style="1" customWidth="1"/>
    <col min="12785" max="12785" width="6.875" style="1" customWidth="1"/>
    <col min="12786" max="13037" width="9" style="1"/>
    <col min="13038" max="13038" width="10.375" style="1" customWidth="1"/>
    <col min="13039" max="13039" width="12.875" style="1" customWidth="1"/>
    <col min="13040" max="13040" width="4.125" style="1" customWidth="1"/>
    <col min="13041" max="13041" width="6.875" style="1" customWidth="1"/>
    <col min="13042" max="13293" width="9" style="1"/>
    <col min="13294" max="13294" width="10.375" style="1" customWidth="1"/>
    <col min="13295" max="13295" width="12.875" style="1" customWidth="1"/>
    <col min="13296" max="13296" width="4.125" style="1" customWidth="1"/>
    <col min="13297" max="13297" width="6.875" style="1" customWidth="1"/>
    <col min="13298" max="13549" width="9" style="1"/>
    <col min="13550" max="13550" width="10.375" style="1" customWidth="1"/>
    <col min="13551" max="13551" width="12.875" style="1" customWidth="1"/>
    <col min="13552" max="13552" width="4.125" style="1" customWidth="1"/>
    <col min="13553" max="13553" width="6.875" style="1" customWidth="1"/>
    <col min="13554" max="13805" width="9" style="1"/>
    <col min="13806" max="13806" width="10.375" style="1" customWidth="1"/>
    <col min="13807" max="13807" width="12.875" style="1" customWidth="1"/>
    <col min="13808" max="13808" width="4.125" style="1" customWidth="1"/>
    <col min="13809" max="13809" width="6.875" style="1" customWidth="1"/>
    <col min="13810" max="14061" width="9" style="1"/>
    <col min="14062" max="14062" width="10.375" style="1" customWidth="1"/>
    <col min="14063" max="14063" width="12.875" style="1" customWidth="1"/>
    <col min="14064" max="14064" width="4.125" style="1" customWidth="1"/>
    <col min="14065" max="14065" width="6.875" style="1" customWidth="1"/>
    <col min="14066" max="14317" width="9" style="1"/>
    <col min="14318" max="14318" width="10.375" style="1" customWidth="1"/>
    <col min="14319" max="14319" width="12.875" style="1" customWidth="1"/>
    <col min="14320" max="14320" width="4.125" style="1" customWidth="1"/>
    <col min="14321" max="14321" width="6.875" style="1" customWidth="1"/>
    <col min="14322" max="14573" width="9" style="1"/>
    <col min="14574" max="14574" width="10.375" style="1" customWidth="1"/>
    <col min="14575" max="14575" width="12.875" style="1" customWidth="1"/>
    <col min="14576" max="14576" width="4.125" style="1" customWidth="1"/>
    <col min="14577" max="14577" width="6.875" style="1" customWidth="1"/>
    <col min="14578" max="14829" width="9" style="1"/>
    <col min="14830" max="14830" width="10.375" style="1" customWidth="1"/>
    <col min="14831" max="14831" width="12.875" style="1" customWidth="1"/>
    <col min="14832" max="14832" width="4.125" style="1" customWidth="1"/>
    <col min="14833" max="14833" width="6.875" style="1" customWidth="1"/>
    <col min="14834" max="15085" width="9" style="1"/>
    <col min="15086" max="15086" width="10.375" style="1" customWidth="1"/>
    <col min="15087" max="15087" width="12.875" style="1" customWidth="1"/>
    <col min="15088" max="15088" width="4.125" style="1" customWidth="1"/>
    <col min="15089" max="15089" width="6.875" style="1" customWidth="1"/>
    <col min="15090" max="15341" width="9" style="1"/>
    <col min="15342" max="15342" width="10.375" style="1" customWidth="1"/>
    <col min="15343" max="15343" width="12.875" style="1" customWidth="1"/>
    <col min="15344" max="15344" width="4.125" style="1" customWidth="1"/>
    <col min="15345" max="15345" width="6.875" style="1" customWidth="1"/>
    <col min="15346" max="15597" width="9" style="1"/>
    <col min="15598" max="15598" width="10.375" style="1" customWidth="1"/>
    <col min="15599" max="15599" width="12.875" style="1" customWidth="1"/>
    <col min="15600" max="15600" width="4.125" style="1" customWidth="1"/>
    <col min="15601" max="15601" width="6.875" style="1" customWidth="1"/>
    <col min="15602" max="15853" width="9" style="1"/>
    <col min="15854" max="15854" width="10.375" style="1" customWidth="1"/>
    <col min="15855" max="15855" width="12.875" style="1" customWidth="1"/>
    <col min="15856" max="15856" width="4.125" style="1" customWidth="1"/>
    <col min="15857" max="15857" width="6.875" style="1" customWidth="1"/>
    <col min="15858" max="16109" width="9" style="1"/>
    <col min="16110" max="16110" width="10.375" style="1" customWidth="1"/>
    <col min="16111" max="16111" width="12.875" style="1" customWidth="1"/>
    <col min="16112" max="16112" width="4.125" style="1" customWidth="1"/>
    <col min="16113" max="16113" width="6.875" style="1" customWidth="1"/>
    <col min="16114" max="16384" width="9" style="1"/>
  </cols>
  <sheetData>
    <row r="1" spans="1:21" s="4" customFormat="1" ht="25.5" customHeight="1" x14ac:dyDescent="0.15">
      <c r="A1" s="12" t="s">
        <v>131</v>
      </c>
      <c r="C1" s="5"/>
      <c r="D1" s="43"/>
      <c r="E1" s="5"/>
    </row>
    <row r="2" spans="1:21" s="4" customFormat="1" x14ac:dyDescent="0.15">
      <c r="A2" s="3"/>
      <c r="C2" s="5"/>
      <c r="D2" s="43"/>
      <c r="E2" s="5"/>
    </row>
    <row r="3" spans="1:21" s="4" customFormat="1" ht="16.5" x14ac:dyDescent="0.15">
      <c r="A3" s="54" t="s">
        <v>108</v>
      </c>
      <c r="B3" s="57" t="s">
        <v>83</v>
      </c>
      <c r="C3" s="60" t="s">
        <v>109</v>
      </c>
      <c r="D3" s="61"/>
      <c r="E3" s="54" t="s">
        <v>125</v>
      </c>
      <c r="F3" s="79" t="s">
        <v>111</v>
      </c>
      <c r="G3" s="80"/>
      <c r="H3" s="80"/>
      <c r="I3" s="80"/>
      <c r="J3" s="80"/>
      <c r="K3" s="80"/>
      <c r="L3" s="80"/>
      <c r="M3" s="80"/>
      <c r="N3" s="81"/>
      <c r="O3" s="68" t="s">
        <v>118</v>
      </c>
      <c r="P3" s="69"/>
      <c r="Q3" s="69"/>
      <c r="R3" s="69"/>
      <c r="S3" s="69"/>
      <c r="T3" s="69"/>
      <c r="U3" s="70"/>
    </row>
    <row r="4" spans="1:21" s="4" customFormat="1" ht="8.25" customHeight="1" x14ac:dyDescent="0.15">
      <c r="A4" s="55"/>
      <c r="B4" s="58"/>
      <c r="C4" s="62"/>
      <c r="D4" s="63"/>
      <c r="E4" s="55"/>
      <c r="F4" s="54" t="s">
        <v>124</v>
      </c>
      <c r="G4" s="71" t="s">
        <v>126</v>
      </c>
      <c r="H4" s="73"/>
      <c r="I4" s="74"/>
      <c r="J4" s="75" t="s">
        <v>127</v>
      </c>
      <c r="K4" s="77"/>
      <c r="L4" s="77"/>
      <c r="M4" s="78"/>
      <c r="N4" s="54" t="s">
        <v>117</v>
      </c>
      <c r="O4" s="54" t="s">
        <v>124</v>
      </c>
      <c r="P4" s="54" t="s">
        <v>119</v>
      </c>
      <c r="Q4" s="75" t="s">
        <v>128</v>
      </c>
      <c r="R4" s="66"/>
      <c r="S4" s="66"/>
      <c r="T4" s="67"/>
      <c r="U4" s="54" t="s">
        <v>123</v>
      </c>
    </row>
    <row r="5" spans="1:21" s="4" customFormat="1" ht="69.95" customHeight="1" x14ac:dyDescent="0.15">
      <c r="A5" s="55"/>
      <c r="B5" s="58"/>
      <c r="C5" s="62"/>
      <c r="D5" s="63"/>
      <c r="E5" s="55"/>
      <c r="F5" s="55"/>
      <c r="G5" s="72"/>
      <c r="H5" s="40" t="s">
        <v>112</v>
      </c>
      <c r="I5" s="40" t="s">
        <v>113</v>
      </c>
      <c r="J5" s="76"/>
      <c r="K5" s="41" t="s">
        <v>114</v>
      </c>
      <c r="L5" s="41" t="s">
        <v>115</v>
      </c>
      <c r="M5" s="41" t="s">
        <v>116</v>
      </c>
      <c r="N5" s="55"/>
      <c r="O5" s="55"/>
      <c r="P5" s="55"/>
      <c r="Q5" s="76"/>
      <c r="R5" s="41" t="s">
        <v>120</v>
      </c>
      <c r="S5" s="41" t="s">
        <v>121</v>
      </c>
      <c r="T5" s="41" t="s">
        <v>122</v>
      </c>
      <c r="U5" s="55"/>
    </row>
    <row r="6" spans="1:21" s="4" customFormat="1" ht="18" customHeight="1" x14ac:dyDescent="0.15">
      <c r="A6" s="56"/>
      <c r="B6" s="59"/>
      <c r="C6" s="64"/>
      <c r="D6" s="65"/>
      <c r="E6" s="42" t="s">
        <v>82</v>
      </c>
      <c r="F6" s="42" t="s">
        <v>82</v>
      </c>
      <c r="G6" s="42" t="s">
        <v>82</v>
      </c>
      <c r="H6" s="42" t="s">
        <v>82</v>
      </c>
      <c r="I6" s="42" t="s">
        <v>82</v>
      </c>
      <c r="J6" s="42" t="s">
        <v>82</v>
      </c>
      <c r="K6" s="42" t="s">
        <v>82</v>
      </c>
      <c r="L6" s="42" t="s">
        <v>82</v>
      </c>
      <c r="M6" s="42" t="s">
        <v>82</v>
      </c>
      <c r="N6" s="42" t="s">
        <v>82</v>
      </c>
      <c r="O6" s="42" t="s">
        <v>82</v>
      </c>
      <c r="P6" s="42" t="s">
        <v>82</v>
      </c>
      <c r="Q6" s="42" t="s">
        <v>82</v>
      </c>
      <c r="R6" s="42" t="s">
        <v>82</v>
      </c>
      <c r="S6" s="42" t="s">
        <v>82</v>
      </c>
      <c r="T6" s="42" t="s">
        <v>82</v>
      </c>
      <c r="U6" s="42" t="s">
        <v>82</v>
      </c>
    </row>
    <row r="7" spans="1:21" ht="18.75" x14ac:dyDescent="0.15">
      <c r="A7" s="13" t="s">
        <v>89</v>
      </c>
      <c r="B7" s="13" t="s">
        <v>81</v>
      </c>
      <c r="C7" s="14">
        <v>1</v>
      </c>
      <c r="D7" s="44" t="s">
        <v>87</v>
      </c>
      <c r="E7" s="15">
        <v>1286</v>
      </c>
      <c r="F7" s="15">
        <v>1221</v>
      </c>
      <c r="G7" s="15">
        <v>1079</v>
      </c>
      <c r="H7" s="15">
        <v>200</v>
      </c>
      <c r="I7" s="15">
        <v>879</v>
      </c>
      <c r="J7" s="15">
        <v>132</v>
      </c>
      <c r="K7" s="15">
        <v>103</v>
      </c>
      <c r="L7" s="15">
        <v>26</v>
      </c>
      <c r="M7" s="15">
        <v>3</v>
      </c>
      <c r="N7" s="15">
        <v>10</v>
      </c>
      <c r="O7" s="15">
        <v>65</v>
      </c>
      <c r="P7" s="15">
        <v>56</v>
      </c>
      <c r="Q7" s="15">
        <v>6</v>
      </c>
      <c r="R7" s="15">
        <v>4</v>
      </c>
      <c r="S7" s="15">
        <v>2</v>
      </c>
      <c r="T7" s="15">
        <v>0</v>
      </c>
      <c r="U7" s="15">
        <v>3</v>
      </c>
    </row>
    <row r="8" spans="1:21" ht="18.75" x14ac:dyDescent="0.15">
      <c r="A8" s="16" t="s">
        <v>89</v>
      </c>
      <c r="B8" s="16" t="s">
        <v>81</v>
      </c>
      <c r="C8" s="17">
        <v>2</v>
      </c>
      <c r="D8" s="45" t="s">
        <v>86</v>
      </c>
      <c r="E8" s="8">
        <v>691</v>
      </c>
      <c r="F8" s="8">
        <v>667</v>
      </c>
      <c r="G8" s="8">
        <v>573</v>
      </c>
      <c r="H8" s="8">
        <v>89</v>
      </c>
      <c r="I8" s="8">
        <v>484</v>
      </c>
      <c r="J8" s="8">
        <v>90</v>
      </c>
      <c r="K8" s="8">
        <v>72</v>
      </c>
      <c r="L8" s="8">
        <v>15</v>
      </c>
      <c r="M8" s="8">
        <v>3</v>
      </c>
      <c r="N8" s="8">
        <v>4</v>
      </c>
      <c r="O8" s="8">
        <v>24</v>
      </c>
      <c r="P8" s="8">
        <v>22</v>
      </c>
      <c r="Q8" s="8">
        <v>1</v>
      </c>
      <c r="R8" s="8">
        <v>1</v>
      </c>
      <c r="S8" s="8">
        <v>0</v>
      </c>
      <c r="T8" s="8">
        <v>0</v>
      </c>
      <c r="U8" s="8">
        <v>1</v>
      </c>
    </row>
    <row r="9" spans="1:21" ht="18.75" x14ac:dyDescent="0.15">
      <c r="A9" s="16" t="s">
        <v>90</v>
      </c>
      <c r="B9" s="16" t="s">
        <v>81</v>
      </c>
      <c r="C9" s="17">
        <v>3</v>
      </c>
      <c r="D9" s="45" t="s">
        <v>85</v>
      </c>
      <c r="E9" s="18">
        <v>595</v>
      </c>
      <c r="F9" s="18">
        <v>554</v>
      </c>
      <c r="G9" s="18">
        <v>506</v>
      </c>
      <c r="H9" s="18">
        <v>111</v>
      </c>
      <c r="I9" s="18">
        <v>395</v>
      </c>
      <c r="J9" s="18">
        <v>42</v>
      </c>
      <c r="K9" s="18">
        <v>31</v>
      </c>
      <c r="L9" s="18">
        <v>11</v>
      </c>
      <c r="M9" s="18">
        <v>0</v>
      </c>
      <c r="N9" s="18">
        <v>6</v>
      </c>
      <c r="O9" s="18">
        <v>41</v>
      </c>
      <c r="P9" s="18">
        <v>34</v>
      </c>
      <c r="Q9" s="18">
        <v>5</v>
      </c>
      <c r="R9" s="18">
        <v>3</v>
      </c>
      <c r="S9" s="18">
        <v>2</v>
      </c>
      <c r="T9" s="18">
        <v>0</v>
      </c>
      <c r="U9" s="18">
        <v>2</v>
      </c>
    </row>
    <row r="10" spans="1:21" ht="18.75" x14ac:dyDescent="0.15">
      <c r="A10" s="16" t="s">
        <v>89</v>
      </c>
      <c r="B10" s="16" t="s">
        <v>80</v>
      </c>
      <c r="C10" s="19">
        <v>1</v>
      </c>
      <c r="D10" s="46" t="s">
        <v>87</v>
      </c>
      <c r="E10" s="15">
        <v>2598</v>
      </c>
      <c r="F10" s="15">
        <v>2405</v>
      </c>
      <c r="G10" s="15">
        <v>2025</v>
      </c>
      <c r="H10" s="15">
        <v>219</v>
      </c>
      <c r="I10" s="15">
        <v>1806</v>
      </c>
      <c r="J10" s="15">
        <v>324</v>
      </c>
      <c r="K10" s="15">
        <v>269</v>
      </c>
      <c r="L10" s="15">
        <v>50</v>
      </c>
      <c r="M10" s="15">
        <v>5</v>
      </c>
      <c r="N10" s="15">
        <v>56</v>
      </c>
      <c r="O10" s="15">
        <v>193</v>
      </c>
      <c r="P10" s="15">
        <v>162</v>
      </c>
      <c r="Q10" s="15">
        <v>25</v>
      </c>
      <c r="R10" s="15">
        <v>10</v>
      </c>
      <c r="S10" s="15">
        <v>14</v>
      </c>
      <c r="T10" s="15">
        <v>1</v>
      </c>
      <c r="U10" s="15">
        <v>6</v>
      </c>
    </row>
    <row r="11" spans="1:21" ht="18.75" x14ac:dyDescent="0.15">
      <c r="A11" s="16" t="s">
        <v>89</v>
      </c>
      <c r="B11" s="16" t="s">
        <v>80</v>
      </c>
      <c r="C11" s="17">
        <v>2</v>
      </c>
      <c r="D11" s="45" t="s">
        <v>86</v>
      </c>
      <c r="E11" s="8">
        <v>1467</v>
      </c>
      <c r="F11" s="8">
        <v>1373</v>
      </c>
      <c r="G11" s="8">
        <v>1112</v>
      </c>
      <c r="H11" s="8">
        <v>121</v>
      </c>
      <c r="I11" s="8">
        <v>991</v>
      </c>
      <c r="J11" s="8">
        <v>228</v>
      </c>
      <c r="K11" s="8">
        <v>189</v>
      </c>
      <c r="L11" s="8">
        <v>35</v>
      </c>
      <c r="M11" s="8">
        <v>4</v>
      </c>
      <c r="N11" s="8">
        <v>33</v>
      </c>
      <c r="O11" s="8">
        <v>94</v>
      </c>
      <c r="P11" s="8">
        <v>79</v>
      </c>
      <c r="Q11" s="8">
        <v>12</v>
      </c>
      <c r="R11" s="8">
        <v>7</v>
      </c>
      <c r="S11" s="8">
        <v>5</v>
      </c>
      <c r="T11" s="8">
        <v>0</v>
      </c>
      <c r="U11" s="8">
        <v>3</v>
      </c>
    </row>
    <row r="12" spans="1:21" ht="18.75" x14ac:dyDescent="0.15">
      <c r="A12" s="16" t="s">
        <v>89</v>
      </c>
      <c r="B12" s="16" t="s">
        <v>80</v>
      </c>
      <c r="C12" s="17">
        <v>3</v>
      </c>
      <c r="D12" s="45" t="s">
        <v>85</v>
      </c>
      <c r="E12" s="18">
        <v>1131</v>
      </c>
      <c r="F12" s="18">
        <v>1032</v>
      </c>
      <c r="G12" s="18">
        <v>913</v>
      </c>
      <c r="H12" s="18">
        <v>98</v>
      </c>
      <c r="I12" s="18">
        <v>815</v>
      </c>
      <c r="J12" s="18">
        <v>96</v>
      </c>
      <c r="K12" s="18">
        <v>80</v>
      </c>
      <c r="L12" s="18">
        <v>15</v>
      </c>
      <c r="M12" s="18">
        <v>1</v>
      </c>
      <c r="N12" s="18">
        <v>23</v>
      </c>
      <c r="O12" s="18">
        <v>99</v>
      </c>
      <c r="P12" s="18">
        <v>83</v>
      </c>
      <c r="Q12" s="18">
        <v>13</v>
      </c>
      <c r="R12" s="18">
        <v>3</v>
      </c>
      <c r="S12" s="18">
        <v>9</v>
      </c>
      <c r="T12" s="18">
        <v>1</v>
      </c>
      <c r="U12" s="18">
        <v>3</v>
      </c>
    </row>
    <row r="13" spans="1:21" ht="18.75" x14ac:dyDescent="0.15">
      <c r="A13" s="16" t="s">
        <v>89</v>
      </c>
      <c r="B13" s="16" t="s">
        <v>79</v>
      </c>
      <c r="C13" s="19">
        <v>1</v>
      </c>
      <c r="D13" s="46" t="s">
        <v>87</v>
      </c>
      <c r="E13" s="15">
        <v>1524</v>
      </c>
      <c r="F13" s="15">
        <v>1389</v>
      </c>
      <c r="G13" s="15">
        <v>1240</v>
      </c>
      <c r="H13" s="15">
        <v>144</v>
      </c>
      <c r="I13" s="15">
        <v>1096</v>
      </c>
      <c r="J13" s="15">
        <v>131</v>
      </c>
      <c r="K13" s="15">
        <v>113</v>
      </c>
      <c r="L13" s="15">
        <v>17</v>
      </c>
      <c r="M13" s="15">
        <v>1</v>
      </c>
      <c r="N13" s="15">
        <v>18</v>
      </c>
      <c r="O13" s="15">
        <v>135</v>
      </c>
      <c r="P13" s="15">
        <v>126</v>
      </c>
      <c r="Q13" s="15">
        <v>9</v>
      </c>
      <c r="R13" s="15">
        <v>3</v>
      </c>
      <c r="S13" s="15">
        <v>6</v>
      </c>
      <c r="T13" s="15">
        <v>0</v>
      </c>
      <c r="U13" s="15">
        <v>0</v>
      </c>
    </row>
    <row r="14" spans="1:21" ht="18.75" x14ac:dyDescent="0.15">
      <c r="A14" s="16" t="s">
        <v>89</v>
      </c>
      <c r="B14" s="16" t="s">
        <v>79</v>
      </c>
      <c r="C14" s="17">
        <v>2</v>
      </c>
      <c r="D14" s="45" t="s">
        <v>86</v>
      </c>
      <c r="E14" s="8">
        <v>843</v>
      </c>
      <c r="F14" s="8">
        <v>771</v>
      </c>
      <c r="G14" s="8">
        <v>670</v>
      </c>
      <c r="H14" s="8">
        <v>72</v>
      </c>
      <c r="I14" s="8">
        <v>598</v>
      </c>
      <c r="J14" s="8">
        <v>89</v>
      </c>
      <c r="K14" s="8">
        <v>75</v>
      </c>
      <c r="L14" s="8">
        <v>14</v>
      </c>
      <c r="M14" s="8">
        <v>0</v>
      </c>
      <c r="N14" s="8">
        <v>12</v>
      </c>
      <c r="O14" s="8">
        <v>72</v>
      </c>
      <c r="P14" s="8">
        <v>67</v>
      </c>
      <c r="Q14" s="8">
        <v>5</v>
      </c>
      <c r="R14" s="8">
        <v>2</v>
      </c>
      <c r="S14" s="8">
        <v>3</v>
      </c>
      <c r="T14" s="8">
        <v>0</v>
      </c>
      <c r="U14" s="8">
        <v>0</v>
      </c>
    </row>
    <row r="15" spans="1:21" ht="18.75" x14ac:dyDescent="0.15">
      <c r="A15" s="16" t="s">
        <v>89</v>
      </c>
      <c r="B15" s="16" t="s">
        <v>79</v>
      </c>
      <c r="C15" s="17">
        <v>3</v>
      </c>
      <c r="D15" s="45" t="s">
        <v>85</v>
      </c>
      <c r="E15" s="18">
        <v>681</v>
      </c>
      <c r="F15" s="18">
        <v>618</v>
      </c>
      <c r="G15" s="18">
        <v>570</v>
      </c>
      <c r="H15" s="18">
        <v>72</v>
      </c>
      <c r="I15" s="18">
        <v>498</v>
      </c>
      <c r="J15" s="18">
        <v>42</v>
      </c>
      <c r="K15" s="18">
        <v>38</v>
      </c>
      <c r="L15" s="18">
        <v>3</v>
      </c>
      <c r="M15" s="18">
        <v>1</v>
      </c>
      <c r="N15" s="18">
        <v>6</v>
      </c>
      <c r="O15" s="18">
        <v>63</v>
      </c>
      <c r="P15" s="18">
        <v>59</v>
      </c>
      <c r="Q15" s="18">
        <v>4</v>
      </c>
      <c r="R15" s="18">
        <v>1</v>
      </c>
      <c r="S15" s="18">
        <v>3</v>
      </c>
      <c r="T15" s="18">
        <v>0</v>
      </c>
      <c r="U15" s="18">
        <v>0</v>
      </c>
    </row>
    <row r="16" spans="1:21" ht="18.75" x14ac:dyDescent="0.15">
      <c r="A16" s="16" t="s">
        <v>89</v>
      </c>
      <c r="B16" s="16" t="s">
        <v>78</v>
      </c>
      <c r="C16" s="17">
        <v>1</v>
      </c>
      <c r="D16" s="46" t="s">
        <v>87</v>
      </c>
      <c r="E16" s="15">
        <v>1021</v>
      </c>
      <c r="F16" s="15">
        <v>968</v>
      </c>
      <c r="G16" s="15">
        <v>871</v>
      </c>
      <c r="H16" s="15">
        <v>158</v>
      </c>
      <c r="I16" s="15">
        <v>713</v>
      </c>
      <c r="J16" s="15">
        <v>84</v>
      </c>
      <c r="K16" s="15">
        <v>66</v>
      </c>
      <c r="L16" s="15">
        <v>17</v>
      </c>
      <c r="M16" s="15">
        <v>1</v>
      </c>
      <c r="N16" s="15">
        <v>13</v>
      </c>
      <c r="O16" s="15">
        <v>53</v>
      </c>
      <c r="P16" s="15">
        <v>46</v>
      </c>
      <c r="Q16" s="15">
        <v>6</v>
      </c>
      <c r="R16" s="15">
        <v>0</v>
      </c>
      <c r="S16" s="15">
        <v>6</v>
      </c>
      <c r="T16" s="15">
        <v>0</v>
      </c>
      <c r="U16" s="15">
        <v>1</v>
      </c>
    </row>
    <row r="17" spans="1:21" ht="18.75" x14ac:dyDescent="0.15">
      <c r="A17" s="16" t="s">
        <v>89</v>
      </c>
      <c r="B17" s="16" t="s">
        <v>78</v>
      </c>
      <c r="C17" s="17">
        <v>2</v>
      </c>
      <c r="D17" s="45" t="s">
        <v>86</v>
      </c>
      <c r="E17" s="8">
        <v>552</v>
      </c>
      <c r="F17" s="8">
        <v>526</v>
      </c>
      <c r="G17" s="8">
        <v>456</v>
      </c>
      <c r="H17" s="8">
        <v>83</v>
      </c>
      <c r="I17" s="8">
        <v>373</v>
      </c>
      <c r="J17" s="8">
        <v>63</v>
      </c>
      <c r="K17" s="8">
        <v>50</v>
      </c>
      <c r="L17" s="8">
        <v>13</v>
      </c>
      <c r="M17" s="8">
        <v>0</v>
      </c>
      <c r="N17" s="8">
        <v>7</v>
      </c>
      <c r="O17" s="8">
        <v>26</v>
      </c>
      <c r="P17" s="8">
        <v>23</v>
      </c>
      <c r="Q17" s="8">
        <v>2</v>
      </c>
      <c r="R17" s="8">
        <v>0</v>
      </c>
      <c r="S17" s="8">
        <v>2</v>
      </c>
      <c r="T17" s="8">
        <v>0</v>
      </c>
      <c r="U17" s="8">
        <v>1</v>
      </c>
    </row>
    <row r="18" spans="1:21" ht="18.75" x14ac:dyDescent="0.15">
      <c r="A18" s="16" t="s">
        <v>90</v>
      </c>
      <c r="B18" s="16" t="s">
        <v>78</v>
      </c>
      <c r="C18" s="17">
        <v>3</v>
      </c>
      <c r="D18" s="45" t="s">
        <v>85</v>
      </c>
      <c r="E18" s="18">
        <v>469</v>
      </c>
      <c r="F18" s="18">
        <v>442</v>
      </c>
      <c r="G18" s="18">
        <v>415</v>
      </c>
      <c r="H18" s="18">
        <v>75</v>
      </c>
      <c r="I18" s="18">
        <v>340</v>
      </c>
      <c r="J18" s="18">
        <v>21</v>
      </c>
      <c r="K18" s="18">
        <v>16</v>
      </c>
      <c r="L18" s="18">
        <v>4</v>
      </c>
      <c r="M18" s="18">
        <v>1</v>
      </c>
      <c r="N18" s="18">
        <v>6</v>
      </c>
      <c r="O18" s="18">
        <v>27</v>
      </c>
      <c r="P18" s="18">
        <v>23</v>
      </c>
      <c r="Q18" s="18">
        <v>4</v>
      </c>
      <c r="R18" s="18">
        <v>0</v>
      </c>
      <c r="S18" s="18">
        <v>4</v>
      </c>
      <c r="T18" s="18">
        <v>0</v>
      </c>
      <c r="U18" s="18">
        <v>0</v>
      </c>
    </row>
    <row r="19" spans="1:21" ht="18.75" x14ac:dyDescent="0.15">
      <c r="A19" s="16" t="s">
        <v>89</v>
      </c>
      <c r="B19" s="16" t="s">
        <v>77</v>
      </c>
      <c r="C19" s="17">
        <v>1</v>
      </c>
      <c r="D19" s="46" t="s">
        <v>87</v>
      </c>
      <c r="E19" s="15">
        <v>1812</v>
      </c>
      <c r="F19" s="15">
        <v>1718</v>
      </c>
      <c r="G19" s="15">
        <v>1531</v>
      </c>
      <c r="H19" s="15">
        <v>294</v>
      </c>
      <c r="I19" s="15">
        <v>1237</v>
      </c>
      <c r="J19" s="15">
        <v>155</v>
      </c>
      <c r="K19" s="15">
        <v>126</v>
      </c>
      <c r="L19" s="15">
        <v>24</v>
      </c>
      <c r="M19" s="15">
        <v>5</v>
      </c>
      <c r="N19" s="15">
        <v>32</v>
      </c>
      <c r="O19" s="15">
        <v>94</v>
      </c>
      <c r="P19" s="15">
        <v>79</v>
      </c>
      <c r="Q19" s="15">
        <v>10</v>
      </c>
      <c r="R19" s="15">
        <v>4</v>
      </c>
      <c r="S19" s="15">
        <v>6</v>
      </c>
      <c r="T19" s="15">
        <v>0</v>
      </c>
      <c r="U19" s="15">
        <v>5</v>
      </c>
    </row>
    <row r="20" spans="1:21" ht="18.75" x14ac:dyDescent="0.15">
      <c r="A20" s="16" t="s">
        <v>90</v>
      </c>
      <c r="B20" s="16" t="s">
        <v>77</v>
      </c>
      <c r="C20" s="17">
        <v>2</v>
      </c>
      <c r="D20" s="45" t="s">
        <v>86</v>
      </c>
      <c r="E20" s="8">
        <v>992</v>
      </c>
      <c r="F20" s="8">
        <v>944</v>
      </c>
      <c r="G20" s="8">
        <v>817</v>
      </c>
      <c r="H20" s="8">
        <v>167</v>
      </c>
      <c r="I20" s="8">
        <v>650</v>
      </c>
      <c r="J20" s="8">
        <v>112</v>
      </c>
      <c r="K20" s="8">
        <v>94</v>
      </c>
      <c r="L20" s="8">
        <v>16</v>
      </c>
      <c r="M20" s="8">
        <v>2</v>
      </c>
      <c r="N20" s="8">
        <v>15</v>
      </c>
      <c r="O20" s="8">
        <v>48</v>
      </c>
      <c r="P20" s="8">
        <v>39</v>
      </c>
      <c r="Q20" s="8">
        <v>8</v>
      </c>
      <c r="R20" s="8">
        <v>4</v>
      </c>
      <c r="S20" s="8">
        <v>4</v>
      </c>
      <c r="T20" s="8">
        <v>0</v>
      </c>
      <c r="U20" s="8">
        <v>1</v>
      </c>
    </row>
    <row r="21" spans="1:21" ht="18.75" x14ac:dyDescent="0.15">
      <c r="A21" s="16" t="s">
        <v>89</v>
      </c>
      <c r="B21" s="16" t="s">
        <v>77</v>
      </c>
      <c r="C21" s="17">
        <v>3</v>
      </c>
      <c r="D21" s="45" t="s">
        <v>85</v>
      </c>
      <c r="E21" s="18">
        <v>820</v>
      </c>
      <c r="F21" s="18">
        <v>774</v>
      </c>
      <c r="G21" s="18">
        <v>714</v>
      </c>
      <c r="H21" s="18">
        <v>127</v>
      </c>
      <c r="I21" s="18">
        <v>587</v>
      </c>
      <c r="J21" s="18">
        <v>43</v>
      </c>
      <c r="K21" s="18">
        <v>32</v>
      </c>
      <c r="L21" s="18">
        <v>8</v>
      </c>
      <c r="M21" s="18">
        <v>3</v>
      </c>
      <c r="N21" s="18">
        <v>17</v>
      </c>
      <c r="O21" s="18">
        <v>46</v>
      </c>
      <c r="P21" s="18">
        <v>40</v>
      </c>
      <c r="Q21" s="18">
        <v>2</v>
      </c>
      <c r="R21" s="18">
        <v>0</v>
      </c>
      <c r="S21" s="18">
        <v>2</v>
      </c>
      <c r="T21" s="18">
        <v>0</v>
      </c>
      <c r="U21" s="18">
        <v>4</v>
      </c>
    </row>
    <row r="22" spans="1:21" ht="18.75" x14ac:dyDescent="0.15">
      <c r="A22" s="16" t="s">
        <v>89</v>
      </c>
      <c r="B22" s="16" t="s">
        <v>76</v>
      </c>
      <c r="C22" s="17">
        <v>1</v>
      </c>
      <c r="D22" s="46" t="s">
        <v>87</v>
      </c>
      <c r="E22" s="15">
        <v>3120</v>
      </c>
      <c r="F22" s="15">
        <v>2948</v>
      </c>
      <c r="G22" s="15">
        <v>2624</v>
      </c>
      <c r="H22" s="15">
        <v>336</v>
      </c>
      <c r="I22" s="15">
        <v>2288</v>
      </c>
      <c r="J22" s="15">
        <v>259</v>
      </c>
      <c r="K22" s="15">
        <v>212</v>
      </c>
      <c r="L22" s="15">
        <v>38</v>
      </c>
      <c r="M22" s="15">
        <v>9</v>
      </c>
      <c r="N22" s="15">
        <v>65</v>
      </c>
      <c r="O22" s="15">
        <v>172</v>
      </c>
      <c r="P22" s="15">
        <v>147</v>
      </c>
      <c r="Q22" s="15">
        <v>21</v>
      </c>
      <c r="R22" s="15">
        <v>14</v>
      </c>
      <c r="S22" s="15">
        <v>7</v>
      </c>
      <c r="T22" s="15">
        <v>0</v>
      </c>
      <c r="U22" s="15">
        <v>4</v>
      </c>
    </row>
    <row r="23" spans="1:21" ht="18.75" x14ac:dyDescent="0.15">
      <c r="A23" s="16" t="s">
        <v>89</v>
      </c>
      <c r="B23" s="16" t="s">
        <v>76</v>
      </c>
      <c r="C23" s="17">
        <v>2</v>
      </c>
      <c r="D23" s="45" t="s">
        <v>86</v>
      </c>
      <c r="E23" s="8">
        <v>1706</v>
      </c>
      <c r="F23" s="8">
        <v>1623</v>
      </c>
      <c r="G23" s="8">
        <v>1398</v>
      </c>
      <c r="H23" s="8">
        <v>185</v>
      </c>
      <c r="I23" s="8">
        <v>1213</v>
      </c>
      <c r="J23" s="8">
        <v>193</v>
      </c>
      <c r="K23" s="8">
        <v>160</v>
      </c>
      <c r="L23" s="8">
        <v>26</v>
      </c>
      <c r="M23" s="8">
        <v>7</v>
      </c>
      <c r="N23" s="8">
        <v>32</v>
      </c>
      <c r="O23" s="8">
        <v>83</v>
      </c>
      <c r="P23" s="8">
        <v>70</v>
      </c>
      <c r="Q23" s="8">
        <v>12</v>
      </c>
      <c r="R23" s="8">
        <v>7</v>
      </c>
      <c r="S23" s="8">
        <v>5</v>
      </c>
      <c r="T23" s="8">
        <v>0</v>
      </c>
      <c r="U23" s="8">
        <v>1</v>
      </c>
    </row>
    <row r="24" spans="1:21" ht="18.75" x14ac:dyDescent="0.15">
      <c r="A24" s="16" t="s">
        <v>89</v>
      </c>
      <c r="B24" s="16" t="s">
        <v>76</v>
      </c>
      <c r="C24" s="17">
        <v>3</v>
      </c>
      <c r="D24" s="45" t="s">
        <v>85</v>
      </c>
      <c r="E24" s="18">
        <v>1414</v>
      </c>
      <c r="F24" s="18">
        <v>1325</v>
      </c>
      <c r="G24" s="18">
        <v>1226</v>
      </c>
      <c r="H24" s="18">
        <v>151</v>
      </c>
      <c r="I24" s="18">
        <v>1075</v>
      </c>
      <c r="J24" s="18">
        <v>66</v>
      </c>
      <c r="K24" s="18">
        <v>52</v>
      </c>
      <c r="L24" s="18">
        <v>12</v>
      </c>
      <c r="M24" s="18">
        <v>2</v>
      </c>
      <c r="N24" s="18">
        <v>33</v>
      </c>
      <c r="O24" s="18">
        <v>89</v>
      </c>
      <c r="P24" s="18">
        <v>77</v>
      </c>
      <c r="Q24" s="18">
        <v>9</v>
      </c>
      <c r="R24" s="18">
        <v>7</v>
      </c>
      <c r="S24" s="18">
        <v>2</v>
      </c>
      <c r="T24" s="18">
        <v>0</v>
      </c>
      <c r="U24" s="18">
        <v>3</v>
      </c>
    </row>
    <row r="25" spans="1:21" ht="18.75" x14ac:dyDescent="0.15">
      <c r="A25" s="16" t="s">
        <v>90</v>
      </c>
      <c r="B25" s="16" t="s">
        <v>75</v>
      </c>
      <c r="C25" s="17">
        <v>1</v>
      </c>
      <c r="D25" s="46" t="s">
        <v>87</v>
      </c>
      <c r="E25" s="15">
        <v>2101</v>
      </c>
      <c r="F25" s="15">
        <v>1980</v>
      </c>
      <c r="G25" s="15">
        <v>1779</v>
      </c>
      <c r="H25" s="15">
        <v>222</v>
      </c>
      <c r="I25" s="15">
        <v>1557</v>
      </c>
      <c r="J25" s="15">
        <v>154</v>
      </c>
      <c r="K25" s="15">
        <v>138</v>
      </c>
      <c r="L25" s="15">
        <v>14</v>
      </c>
      <c r="M25" s="15">
        <v>2</v>
      </c>
      <c r="N25" s="15">
        <v>47</v>
      </c>
      <c r="O25" s="15">
        <v>121</v>
      </c>
      <c r="P25" s="15">
        <v>101</v>
      </c>
      <c r="Q25" s="15">
        <v>14</v>
      </c>
      <c r="R25" s="15">
        <v>10</v>
      </c>
      <c r="S25" s="15">
        <v>4</v>
      </c>
      <c r="T25" s="15">
        <v>0</v>
      </c>
      <c r="U25" s="15">
        <v>6</v>
      </c>
    </row>
    <row r="26" spans="1:21" ht="18.75" x14ac:dyDescent="0.15">
      <c r="A26" s="16" t="s">
        <v>90</v>
      </c>
      <c r="B26" s="16" t="s">
        <v>75</v>
      </c>
      <c r="C26" s="17">
        <v>2</v>
      </c>
      <c r="D26" s="45" t="s">
        <v>86</v>
      </c>
      <c r="E26" s="8">
        <v>1126</v>
      </c>
      <c r="F26" s="8">
        <v>1061</v>
      </c>
      <c r="G26" s="8">
        <v>923</v>
      </c>
      <c r="H26" s="8">
        <v>116</v>
      </c>
      <c r="I26" s="8">
        <v>807</v>
      </c>
      <c r="J26" s="8">
        <v>111</v>
      </c>
      <c r="K26" s="8">
        <v>99</v>
      </c>
      <c r="L26" s="8">
        <v>10</v>
      </c>
      <c r="M26" s="8">
        <v>2</v>
      </c>
      <c r="N26" s="8">
        <v>27</v>
      </c>
      <c r="O26" s="8">
        <v>65</v>
      </c>
      <c r="P26" s="8">
        <v>56</v>
      </c>
      <c r="Q26" s="8">
        <v>6</v>
      </c>
      <c r="R26" s="8">
        <v>5</v>
      </c>
      <c r="S26" s="8">
        <v>1</v>
      </c>
      <c r="T26" s="8">
        <v>0</v>
      </c>
      <c r="U26" s="8">
        <v>3</v>
      </c>
    </row>
    <row r="27" spans="1:21" ht="18.75" x14ac:dyDescent="0.15">
      <c r="A27" s="16" t="s">
        <v>89</v>
      </c>
      <c r="B27" s="16" t="s">
        <v>75</v>
      </c>
      <c r="C27" s="17">
        <v>3</v>
      </c>
      <c r="D27" s="45" t="s">
        <v>85</v>
      </c>
      <c r="E27" s="18">
        <v>975</v>
      </c>
      <c r="F27" s="18">
        <v>919</v>
      </c>
      <c r="G27" s="18">
        <v>856</v>
      </c>
      <c r="H27" s="18">
        <v>106</v>
      </c>
      <c r="I27" s="18">
        <v>750</v>
      </c>
      <c r="J27" s="18">
        <v>43</v>
      </c>
      <c r="K27" s="18">
        <v>39</v>
      </c>
      <c r="L27" s="18">
        <v>4</v>
      </c>
      <c r="M27" s="18">
        <v>0</v>
      </c>
      <c r="N27" s="18">
        <v>20</v>
      </c>
      <c r="O27" s="18">
        <v>56</v>
      </c>
      <c r="P27" s="18">
        <v>45</v>
      </c>
      <c r="Q27" s="18">
        <v>8</v>
      </c>
      <c r="R27" s="18">
        <v>5</v>
      </c>
      <c r="S27" s="18">
        <v>3</v>
      </c>
      <c r="T27" s="18">
        <v>0</v>
      </c>
      <c r="U27" s="18">
        <v>3</v>
      </c>
    </row>
    <row r="28" spans="1:21" ht="18.75" x14ac:dyDescent="0.15">
      <c r="A28" s="16" t="s">
        <v>89</v>
      </c>
      <c r="B28" s="16" t="s">
        <v>74</v>
      </c>
      <c r="C28" s="17">
        <v>1</v>
      </c>
      <c r="D28" s="46" t="s">
        <v>87</v>
      </c>
      <c r="E28" s="15">
        <v>1351</v>
      </c>
      <c r="F28" s="15">
        <v>1271</v>
      </c>
      <c r="G28" s="15">
        <v>1148</v>
      </c>
      <c r="H28" s="15">
        <v>186</v>
      </c>
      <c r="I28" s="15">
        <v>962</v>
      </c>
      <c r="J28" s="15">
        <v>110</v>
      </c>
      <c r="K28" s="15">
        <v>98</v>
      </c>
      <c r="L28" s="15">
        <v>9</v>
      </c>
      <c r="M28" s="15">
        <v>3</v>
      </c>
      <c r="N28" s="15">
        <v>13</v>
      </c>
      <c r="O28" s="15">
        <v>80</v>
      </c>
      <c r="P28" s="15">
        <v>73</v>
      </c>
      <c r="Q28" s="15">
        <v>7</v>
      </c>
      <c r="R28" s="15">
        <v>4</v>
      </c>
      <c r="S28" s="15">
        <v>3</v>
      </c>
      <c r="T28" s="15">
        <v>0</v>
      </c>
      <c r="U28" s="15">
        <v>0</v>
      </c>
    </row>
    <row r="29" spans="1:21" ht="18.75" x14ac:dyDescent="0.15">
      <c r="A29" s="16" t="s">
        <v>89</v>
      </c>
      <c r="B29" s="16" t="s">
        <v>74</v>
      </c>
      <c r="C29" s="17">
        <v>2</v>
      </c>
      <c r="D29" s="45" t="s">
        <v>86</v>
      </c>
      <c r="E29" s="8">
        <v>759</v>
      </c>
      <c r="F29" s="8">
        <v>715</v>
      </c>
      <c r="G29" s="8">
        <v>625</v>
      </c>
      <c r="H29" s="8">
        <v>91</v>
      </c>
      <c r="I29" s="8">
        <v>534</v>
      </c>
      <c r="J29" s="8">
        <v>81</v>
      </c>
      <c r="K29" s="8">
        <v>71</v>
      </c>
      <c r="L29" s="8">
        <v>8</v>
      </c>
      <c r="M29" s="8">
        <v>2</v>
      </c>
      <c r="N29" s="8">
        <v>9</v>
      </c>
      <c r="O29" s="8">
        <v>44</v>
      </c>
      <c r="P29" s="8">
        <v>39</v>
      </c>
      <c r="Q29" s="8">
        <v>5</v>
      </c>
      <c r="R29" s="8">
        <v>3</v>
      </c>
      <c r="S29" s="8">
        <v>2</v>
      </c>
      <c r="T29" s="8">
        <v>0</v>
      </c>
      <c r="U29" s="8">
        <v>0</v>
      </c>
    </row>
    <row r="30" spans="1:21" ht="18.75" x14ac:dyDescent="0.15">
      <c r="A30" s="16" t="s">
        <v>89</v>
      </c>
      <c r="B30" s="16" t="s">
        <v>74</v>
      </c>
      <c r="C30" s="17">
        <v>3</v>
      </c>
      <c r="D30" s="45" t="s">
        <v>85</v>
      </c>
      <c r="E30" s="18">
        <v>592</v>
      </c>
      <c r="F30" s="18">
        <v>556</v>
      </c>
      <c r="G30" s="18">
        <v>523</v>
      </c>
      <c r="H30" s="18">
        <v>95</v>
      </c>
      <c r="I30" s="18">
        <v>428</v>
      </c>
      <c r="J30" s="18">
        <v>29</v>
      </c>
      <c r="K30" s="18">
        <v>27</v>
      </c>
      <c r="L30" s="18">
        <v>1</v>
      </c>
      <c r="M30" s="18">
        <v>1</v>
      </c>
      <c r="N30" s="18">
        <v>4</v>
      </c>
      <c r="O30" s="18">
        <v>36</v>
      </c>
      <c r="P30" s="18">
        <v>34</v>
      </c>
      <c r="Q30" s="18">
        <v>2</v>
      </c>
      <c r="R30" s="18">
        <v>1</v>
      </c>
      <c r="S30" s="18">
        <v>1</v>
      </c>
      <c r="T30" s="18">
        <v>0</v>
      </c>
      <c r="U30" s="18">
        <v>0</v>
      </c>
    </row>
    <row r="31" spans="1:21" ht="18.75" x14ac:dyDescent="0.15">
      <c r="A31" s="16" t="s">
        <v>90</v>
      </c>
      <c r="B31" s="16" t="s">
        <v>73</v>
      </c>
      <c r="C31" s="17">
        <v>1</v>
      </c>
      <c r="D31" s="46" t="s">
        <v>87</v>
      </c>
      <c r="E31" s="15">
        <v>3342</v>
      </c>
      <c r="F31" s="15">
        <v>3106</v>
      </c>
      <c r="G31" s="15">
        <v>2791</v>
      </c>
      <c r="H31" s="15">
        <v>316</v>
      </c>
      <c r="I31" s="15">
        <v>2475</v>
      </c>
      <c r="J31" s="15">
        <v>253</v>
      </c>
      <c r="K31" s="15">
        <v>219</v>
      </c>
      <c r="L31" s="15">
        <v>32</v>
      </c>
      <c r="M31" s="15">
        <v>2</v>
      </c>
      <c r="N31" s="15">
        <v>62</v>
      </c>
      <c r="O31" s="15">
        <v>236</v>
      </c>
      <c r="P31" s="15">
        <v>200</v>
      </c>
      <c r="Q31" s="15">
        <v>27</v>
      </c>
      <c r="R31" s="15">
        <v>10</v>
      </c>
      <c r="S31" s="15">
        <v>17</v>
      </c>
      <c r="T31" s="15">
        <v>0</v>
      </c>
      <c r="U31" s="15">
        <v>9</v>
      </c>
    </row>
    <row r="32" spans="1:21" ht="18.75" x14ac:dyDescent="0.15">
      <c r="A32" s="16" t="s">
        <v>89</v>
      </c>
      <c r="B32" s="16" t="s">
        <v>73</v>
      </c>
      <c r="C32" s="17">
        <v>2</v>
      </c>
      <c r="D32" s="45" t="s">
        <v>86</v>
      </c>
      <c r="E32" s="8">
        <v>1876</v>
      </c>
      <c r="F32" s="8">
        <v>1751</v>
      </c>
      <c r="G32" s="8">
        <v>1530</v>
      </c>
      <c r="H32" s="8">
        <v>160</v>
      </c>
      <c r="I32" s="8">
        <v>1370</v>
      </c>
      <c r="J32" s="8">
        <v>181</v>
      </c>
      <c r="K32" s="8">
        <v>154</v>
      </c>
      <c r="L32" s="8">
        <v>26</v>
      </c>
      <c r="M32" s="8">
        <v>1</v>
      </c>
      <c r="N32" s="8">
        <v>40</v>
      </c>
      <c r="O32" s="8">
        <v>125</v>
      </c>
      <c r="P32" s="8">
        <v>104</v>
      </c>
      <c r="Q32" s="8">
        <v>16</v>
      </c>
      <c r="R32" s="8">
        <v>6</v>
      </c>
      <c r="S32" s="8">
        <v>10</v>
      </c>
      <c r="T32" s="8">
        <v>0</v>
      </c>
      <c r="U32" s="8">
        <v>5</v>
      </c>
    </row>
    <row r="33" spans="1:21" ht="18.75" x14ac:dyDescent="0.15">
      <c r="A33" s="16" t="s">
        <v>89</v>
      </c>
      <c r="B33" s="16" t="s">
        <v>73</v>
      </c>
      <c r="C33" s="17">
        <v>3</v>
      </c>
      <c r="D33" s="45" t="s">
        <v>85</v>
      </c>
      <c r="E33" s="18">
        <v>1466</v>
      </c>
      <c r="F33" s="18">
        <v>1355</v>
      </c>
      <c r="G33" s="18">
        <v>1261</v>
      </c>
      <c r="H33" s="18">
        <v>156</v>
      </c>
      <c r="I33" s="18">
        <v>1105</v>
      </c>
      <c r="J33" s="18">
        <v>72</v>
      </c>
      <c r="K33" s="18">
        <v>65</v>
      </c>
      <c r="L33" s="18">
        <v>6</v>
      </c>
      <c r="M33" s="18">
        <v>1</v>
      </c>
      <c r="N33" s="18">
        <v>22</v>
      </c>
      <c r="O33" s="18">
        <v>111</v>
      </c>
      <c r="P33" s="18">
        <v>96</v>
      </c>
      <c r="Q33" s="18">
        <v>11</v>
      </c>
      <c r="R33" s="18">
        <v>4</v>
      </c>
      <c r="S33" s="18">
        <v>7</v>
      </c>
      <c r="T33" s="18">
        <v>0</v>
      </c>
      <c r="U33" s="18">
        <v>4</v>
      </c>
    </row>
    <row r="34" spans="1:21" ht="18.75" x14ac:dyDescent="0.15">
      <c r="A34" s="16" t="s">
        <v>89</v>
      </c>
      <c r="B34" s="16" t="s">
        <v>72</v>
      </c>
      <c r="C34" s="17">
        <v>1</v>
      </c>
      <c r="D34" s="46" t="s">
        <v>87</v>
      </c>
      <c r="E34" s="15">
        <v>6457</v>
      </c>
      <c r="F34" s="15">
        <v>6009</v>
      </c>
      <c r="G34" s="15">
        <v>5390</v>
      </c>
      <c r="H34" s="15">
        <v>488</v>
      </c>
      <c r="I34" s="15">
        <v>4902</v>
      </c>
      <c r="J34" s="15">
        <v>488</v>
      </c>
      <c r="K34" s="15">
        <v>405</v>
      </c>
      <c r="L34" s="15">
        <v>76</v>
      </c>
      <c r="M34" s="15">
        <v>7</v>
      </c>
      <c r="N34" s="15">
        <v>131</v>
      </c>
      <c r="O34" s="15">
        <v>448</v>
      </c>
      <c r="P34" s="15">
        <v>393</v>
      </c>
      <c r="Q34" s="15">
        <v>49</v>
      </c>
      <c r="R34" s="15">
        <v>20</v>
      </c>
      <c r="S34" s="15">
        <v>27</v>
      </c>
      <c r="T34" s="15">
        <v>2</v>
      </c>
      <c r="U34" s="15">
        <v>6</v>
      </c>
    </row>
    <row r="35" spans="1:21" ht="18.75" x14ac:dyDescent="0.15">
      <c r="A35" s="16" t="s">
        <v>90</v>
      </c>
      <c r="B35" s="16" t="s">
        <v>72</v>
      </c>
      <c r="C35" s="17">
        <v>2</v>
      </c>
      <c r="D35" s="45" t="s">
        <v>86</v>
      </c>
      <c r="E35" s="8">
        <v>3459</v>
      </c>
      <c r="F35" s="8">
        <v>3228</v>
      </c>
      <c r="G35" s="8">
        <v>2778</v>
      </c>
      <c r="H35" s="8">
        <v>245</v>
      </c>
      <c r="I35" s="8">
        <v>2533</v>
      </c>
      <c r="J35" s="8">
        <v>370</v>
      </c>
      <c r="K35" s="8">
        <v>303</v>
      </c>
      <c r="L35" s="8">
        <v>60</v>
      </c>
      <c r="M35" s="8">
        <v>7</v>
      </c>
      <c r="N35" s="8">
        <v>80</v>
      </c>
      <c r="O35" s="8">
        <v>231</v>
      </c>
      <c r="P35" s="8">
        <v>204</v>
      </c>
      <c r="Q35" s="8">
        <v>23</v>
      </c>
      <c r="R35" s="8">
        <v>10</v>
      </c>
      <c r="S35" s="8">
        <v>12</v>
      </c>
      <c r="T35" s="8">
        <v>1</v>
      </c>
      <c r="U35" s="8">
        <v>4</v>
      </c>
    </row>
    <row r="36" spans="1:21" ht="18.75" x14ac:dyDescent="0.15">
      <c r="A36" s="16" t="s">
        <v>89</v>
      </c>
      <c r="B36" s="16" t="s">
        <v>72</v>
      </c>
      <c r="C36" s="17">
        <v>3</v>
      </c>
      <c r="D36" s="45" t="s">
        <v>85</v>
      </c>
      <c r="E36" s="18">
        <v>2998</v>
      </c>
      <c r="F36" s="18">
        <v>2781</v>
      </c>
      <c r="G36" s="18">
        <v>2612</v>
      </c>
      <c r="H36" s="18">
        <v>243</v>
      </c>
      <c r="I36" s="18">
        <v>2369</v>
      </c>
      <c r="J36" s="18">
        <v>118</v>
      </c>
      <c r="K36" s="18">
        <v>102</v>
      </c>
      <c r="L36" s="18">
        <v>16</v>
      </c>
      <c r="M36" s="18">
        <v>0</v>
      </c>
      <c r="N36" s="18">
        <v>51</v>
      </c>
      <c r="O36" s="18">
        <v>217</v>
      </c>
      <c r="P36" s="18">
        <v>189</v>
      </c>
      <c r="Q36" s="18">
        <v>26</v>
      </c>
      <c r="R36" s="18">
        <v>10</v>
      </c>
      <c r="S36" s="18">
        <v>15</v>
      </c>
      <c r="T36" s="18">
        <v>1</v>
      </c>
      <c r="U36" s="18">
        <v>2</v>
      </c>
    </row>
    <row r="37" spans="1:21" ht="18.75" x14ac:dyDescent="0.15">
      <c r="A37" s="16" t="s">
        <v>89</v>
      </c>
      <c r="B37" s="16" t="s">
        <v>71</v>
      </c>
      <c r="C37" s="17">
        <v>1</v>
      </c>
      <c r="D37" s="46" t="s">
        <v>87</v>
      </c>
      <c r="E37" s="15">
        <v>8277</v>
      </c>
      <c r="F37" s="15">
        <v>7570</v>
      </c>
      <c r="G37" s="15">
        <v>6728</v>
      </c>
      <c r="H37" s="15">
        <v>439</v>
      </c>
      <c r="I37" s="15">
        <v>6289</v>
      </c>
      <c r="J37" s="15">
        <v>694</v>
      </c>
      <c r="K37" s="15">
        <v>601</v>
      </c>
      <c r="L37" s="15">
        <v>80</v>
      </c>
      <c r="M37" s="15">
        <v>13</v>
      </c>
      <c r="N37" s="15">
        <v>148</v>
      </c>
      <c r="O37" s="15">
        <v>707</v>
      </c>
      <c r="P37" s="15">
        <v>638</v>
      </c>
      <c r="Q37" s="15">
        <v>60</v>
      </c>
      <c r="R37" s="15">
        <v>39</v>
      </c>
      <c r="S37" s="15">
        <v>20</v>
      </c>
      <c r="T37" s="15">
        <v>1</v>
      </c>
      <c r="U37" s="15">
        <v>9</v>
      </c>
    </row>
    <row r="38" spans="1:21" ht="18.75" x14ac:dyDescent="0.15">
      <c r="A38" s="16" t="s">
        <v>89</v>
      </c>
      <c r="B38" s="16" t="s">
        <v>71</v>
      </c>
      <c r="C38" s="17">
        <v>2</v>
      </c>
      <c r="D38" s="45" t="s">
        <v>86</v>
      </c>
      <c r="E38" s="8">
        <v>4475</v>
      </c>
      <c r="F38" s="8">
        <v>4090</v>
      </c>
      <c r="G38" s="8">
        <v>3501</v>
      </c>
      <c r="H38" s="8">
        <v>232</v>
      </c>
      <c r="I38" s="8">
        <v>3269</v>
      </c>
      <c r="J38" s="8">
        <v>515</v>
      </c>
      <c r="K38" s="8">
        <v>444</v>
      </c>
      <c r="L38" s="8">
        <v>62</v>
      </c>
      <c r="M38" s="8">
        <v>9</v>
      </c>
      <c r="N38" s="8">
        <v>74</v>
      </c>
      <c r="O38" s="8">
        <v>385</v>
      </c>
      <c r="P38" s="8">
        <v>352</v>
      </c>
      <c r="Q38" s="8">
        <v>27</v>
      </c>
      <c r="R38" s="8">
        <v>16</v>
      </c>
      <c r="S38" s="8">
        <v>10</v>
      </c>
      <c r="T38" s="8">
        <v>1</v>
      </c>
      <c r="U38" s="8">
        <v>6</v>
      </c>
    </row>
    <row r="39" spans="1:21" ht="18.75" x14ac:dyDescent="0.15">
      <c r="A39" s="16" t="s">
        <v>89</v>
      </c>
      <c r="B39" s="16" t="s">
        <v>71</v>
      </c>
      <c r="C39" s="17">
        <v>3</v>
      </c>
      <c r="D39" s="45" t="s">
        <v>85</v>
      </c>
      <c r="E39" s="18">
        <v>3802</v>
      </c>
      <c r="F39" s="18">
        <v>3480</v>
      </c>
      <c r="G39" s="18">
        <v>3227</v>
      </c>
      <c r="H39" s="18">
        <v>207</v>
      </c>
      <c r="I39" s="18">
        <v>3020</v>
      </c>
      <c r="J39" s="18">
        <v>179</v>
      </c>
      <c r="K39" s="18">
        <v>157</v>
      </c>
      <c r="L39" s="18">
        <v>18</v>
      </c>
      <c r="M39" s="18">
        <v>4</v>
      </c>
      <c r="N39" s="18">
        <v>74</v>
      </c>
      <c r="O39" s="18">
        <v>322</v>
      </c>
      <c r="P39" s="18">
        <v>286</v>
      </c>
      <c r="Q39" s="18">
        <v>33</v>
      </c>
      <c r="R39" s="18">
        <v>23</v>
      </c>
      <c r="S39" s="18">
        <v>10</v>
      </c>
      <c r="T39" s="18">
        <v>0</v>
      </c>
      <c r="U39" s="18">
        <v>3</v>
      </c>
    </row>
    <row r="40" spans="1:21" ht="18.75" x14ac:dyDescent="0.15">
      <c r="A40" s="16" t="s">
        <v>89</v>
      </c>
      <c r="B40" s="16" t="s">
        <v>70</v>
      </c>
      <c r="C40" s="17">
        <v>1</v>
      </c>
      <c r="D40" s="46" t="s">
        <v>87</v>
      </c>
      <c r="E40" s="15">
        <v>4523</v>
      </c>
      <c r="F40" s="15">
        <v>4208</v>
      </c>
      <c r="G40" s="15">
        <v>3685</v>
      </c>
      <c r="H40" s="15">
        <v>338</v>
      </c>
      <c r="I40" s="15">
        <v>3347</v>
      </c>
      <c r="J40" s="15">
        <v>400</v>
      </c>
      <c r="K40" s="15">
        <v>351</v>
      </c>
      <c r="L40" s="15">
        <v>36</v>
      </c>
      <c r="M40" s="15">
        <v>13</v>
      </c>
      <c r="N40" s="15">
        <v>123</v>
      </c>
      <c r="O40" s="15">
        <v>315</v>
      </c>
      <c r="P40" s="15">
        <v>274</v>
      </c>
      <c r="Q40" s="15">
        <v>38</v>
      </c>
      <c r="R40" s="15">
        <v>19</v>
      </c>
      <c r="S40" s="15">
        <v>16</v>
      </c>
      <c r="T40" s="15">
        <v>3</v>
      </c>
      <c r="U40" s="15">
        <v>3</v>
      </c>
    </row>
    <row r="41" spans="1:21" ht="18.75" x14ac:dyDescent="0.15">
      <c r="A41" s="16" t="s">
        <v>89</v>
      </c>
      <c r="B41" s="16" t="s">
        <v>70</v>
      </c>
      <c r="C41" s="17">
        <v>2</v>
      </c>
      <c r="D41" s="45" t="s">
        <v>86</v>
      </c>
      <c r="E41" s="8">
        <v>2540</v>
      </c>
      <c r="F41" s="8">
        <v>2382</v>
      </c>
      <c r="G41" s="8">
        <v>2017</v>
      </c>
      <c r="H41" s="8">
        <v>187</v>
      </c>
      <c r="I41" s="8">
        <v>1830</v>
      </c>
      <c r="J41" s="8">
        <v>302</v>
      </c>
      <c r="K41" s="8">
        <v>264</v>
      </c>
      <c r="L41" s="8">
        <v>30</v>
      </c>
      <c r="M41" s="8">
        <v>8</v>
      </c>
      <c r="N41" s="8">
        <v>63</v>
      </c>
      <c r="O41" s="8">
        <v>158</v>
      </c>
      <c r="P41" s="8">
        <v>135</v>
      </c>
      <c r="Q41" s="8">
        <v>21</v>
      </c>
      <c r="R41" s="8">
        <v>11</v>
      </c>
      <c r="S41" s="8">
        <v>8</v>
      </c>
      <c r="T41" s="8">
        <v>2</v>
      </c>
      <c r="U41" s="8">
        <v>2</v>
      </c>
    </row>
    <row r="42" spans="1:21" ht="18.75" x14ac:dyDescent="0.15">
      <c r="A42" s="16" t="s">
        <v>89</v>
      </c>
      <c r="B42" s="16" t="s">
        <v>70</v>
      </c>
      <c r="C42" s="17">
        <v>3</v>
      </c>
      <c r="D42" s="45" t="s">
        <v>85</v>
      </c>
      <c r="E42" s="18">
        <v>1983</v>
      </c>
      <c r="F42" s="18">
        <v>1826</v>
      </c>
      <c r="G42" s="18">
        <v>1668</v>
      </c>
      <c r="H42" s="18">
        <v>151</v>
      </c>
      <c r="I42" s="18">
        <v>1517</v>
      </c>
      <c r="J42" s="18">
        <v>98</v>
      </c>
      <c r="K42" s="18">
        <v>87</v>
      </c>
      <c r="L42" s="18">
        <v>6</v>
      </c>
      <c r="M42" s="18">
        <v>5</v>
      </c>
      <c r="N42" s="18">
        <v>60</v>
      </c>
      <c r="O42" s="18">
        <v>157</v>
      </c>
      <c r="P42" s="18">
        <v>139</v>
      </c>
      <c r="Q42" s="18">
        <v>17</v>
      </c>
      <c r="R42" s="18">
        <v>8</v>
      </c>
      <c r="S42" s="18">
        <v>8</v>
      </c>
      <c r="T42" s="18">
        <v>1</v>
      </c>
      <c r="U42" s="18">
        <v>1</v>
      </c>
    </row>
    <row r="43" spans="1:21" ht="18.75" x14ac:dyDescent="0.15">
      <c r="A43" s="16" t="s">
        <v>89</v>
      </c>
      <c r="B43" s="16" t="s">
        <v>69</v>
      </c>
      <c r="C43" s="17">
        <v>1</v>
      </c>
      <c r="D43" s="46" t="s">
        <v>87</v>
      </c>
      <c r="E43" s="15">
        <v>5818</v>
      </c>
      <c r="F43" s="15">
        <v>5419</v>
      </c>
      <c r="G43" s="15">
        <v>4656</v>
      </c>
      <c r="H43" s="15">
        <v>343</v>
      </c>
      <c r="I43" s="15">
        <v>4313</v>
      </c>
      <c r="J43" s="15">
        <v>637</v>
      </c>
      <c r="K43" s="15">
        <v>523</v>
      </c>
      <c r="L43" s="15">
        <v>99</v>
      </c>
      <c r="M43" s="15">
        <v>15</v>
      </c>
      <c r="N43" s="15">
        <v>126</v>
      </c>
      <c r="O43" s="15">
        <v>399</v>
      </c>
      <c r="P43" s="15">
        <v>346</v>
      </c>
      <c r="Q43" s="15">
        <v>49</v>
      </c>
      <c r="R43" s="15">
        <v>24</v>
      </c>
      <c r="S43" s="15">
        <v>24</v>
      </c>
      <c r="T43" s="15">
        <v>1</v>
      </c>
      <c r="U43" s="15">
        <v>4</v>
      </c>
    </row>
    <row r="44" spans="1:21" ht="18.75" x14ac:dyDescent="0.15">
      <c r="A44" s="16" t="s">
        <v>89</v>
      </c>
      <c r="B44" s="16" t="s">
        <v>69</v>
      </c>
      <c r="C44" s="17">
        <v>2</v>
      </c>
      <c r="D44" s="45" t="s">
        <v>86</v>
      </c>
      <c r="E44" s="8">
        <v>3341</v>
      </c>
      <c r="F44" s="8">
        <v>3135</v>
      </c>
      <c r="G44" s="8">
        <v>2582</v>
      </c>
      <c r="H44" s="8">
        <v>190</v>
      </c>
      <c r="I44" s="8">
        <v>2392</v>
      </c>
      <c r="J44" s="8">
        <v>480</v>
      </c>
      <c r="K44" s="8">
        <v>385</v>
      </c>
      <c r="L44" s="8">
        <v>87</v>
      </c>
      <c r="M44" s="8">
        <v>8</v>
      </c>
      <c r="N44" s="8">
        <v>73</v>
      </c>
      <c r="O44" s="8">
        <v>206</v>
      </c>
      <c r="P44" s="8">
        <v>179</v>
      </c>
      <c r="Q44" s="8">
        <v>24</v>
      </c>
      <c r="R44" s="8">
        <v>12</v>
      </c>
      <c r="S44" s="8">
        <v>12</v>
      </c>
      <c r="T44" s="8">
        <v>0</v>
      </c>
      <c r="U44" s="8">
        <v>3</v>
      </c>
    </row>
    <row r="45" spans="1:21" ht="18.75" x14ac:dyDescent="0.15">
      <c r="A45" s="16" t="s">
        <v>89</v>
      </c>
      <c r="B45" s="16" t="s">
        <v>69</v>
      </c>
      <c r="C45" s="17">
        <v>3</v>
      </c>
      <c r="D45" s="45" t="s">
        <v>85</v>
      </c>
      <c r="E45" s="18">
        <v>2477</v>
      </c>
      <c r="F45" s="18">
        <v>2284</v>
      </c>
      <c r="G45" s="18">
        <v>2074</v>
      </c>
      <c r="H45" s="18">
        <v>153</v>
      </c>
      <c r="I45" s="18">
        <v>1921</v>
      </c>
      <c r="J45" s="18">
        <v>157</v>
      </c>
      <c r="K45" s="18">
        <v>138</v>
      </c>
      <c r="L45" s="18">
        <v>12</v>
      </c>
      <c r="M45" s="18">
        <v>7</v>
      </c>
      <c r="N45" s="18">
        <v>53</v>
      </c>
      <c r="O45" s="18">
        <v>193</v>
      </c>
      <c r="P45" s="18">
        <v>167</v>
      </c>
      <c r="Q45" s="18">
        <v>25</v>
      </c>
      <c r="R45" s="18">
        <v>12</v>
      </c>
      <c r="S45" s="18">
        <v>12</v>
      </c>
      <c r="T45" s="18">
        <v>1</v>
      </c>
      <c r="U45" s="18">
        <v>1</v>
      </c>
    </row>
    <row r="46" spans="1:21" ht="18.75" x14ac:dyDescent="0.15">
      <c r="A46" s="16" t="s">
        <v>89</v>
      </c>
      <c r="B46" s="16" t="s">
        <v>68</v>
      </c>
      <c r="C46" s="17">
        <v>1</v>
      </c>
      <c r="D46" s="46" t="s">
        <v>87</v>
      </c>
      <c r="E46" s="15">
        <v>4244</v>
      </c>
      <c r="F46" s="15">
        <v>3977</v>
      </c>
      <c r="G46" s="15">
        <v>3439</v>
      </c>
      <c r="H46" s="15">
        <v>269</v>
      </c>
      <c r="I46" s="15">
        <v>3170</v>
      </c>
      <c r="J46" s="15">
        <v>458</v>
      </c>
      <c r="K46" s="15">
        <v>414</v>
      </c>
      <c r="L46" s="15">
        <v>31</v>
      </c>
      <c r="M46" s="15">
        <v>13</v>
      </c>
      <c r="N46" s="15">
        <v>80</v>
      </c>
      <c r="O46" s="15">
        <v>267</v>
      </c>
      <c r="P46" s="15">
        <v>233</v>
      </c>
      <c r="Q46" s="15">
        <v>30</v>
      </c>
      <c r="R46" s="15">
        <v>14</v>
      </c>
      <c r="S46" s="15">
        <v>15</v>
      </c>
      <c r="T46" s="15">
        <v>1</v>
      </c>
      <c r="U46" s="15">
        <v>4</v>
      </c>
    </row>
    <row r="47" spans="1:21" ht="18.75" x14ac:dyDescent="0.15">
      <c r="A47" s="16" t="s">
        <v>89</v>
      </c>
      <c r="B47" s="16" t="s">
        <v>68</v>
      </c>
      <c r="C47" s="17">
        <v>2</v>
      </c>
      <c r="D47" s="45" t="s">
        <v>86</v>
      </c>
      <c r="E47" s="8">
        <v>2273</v>
      </c>
      <c r="F47" s="8">
        <v>2134</v>
      </c>
      <c r="G47" s="8">
        <v>1746</v>
      </c>
      <c r="H47" s="8">
        <v>150</v>
      </c>
      <c r="I47" s="8">
        <v>1596</v>
      </c>
      <c r="J47" s="8">
        <v>345</v>
      </c>
      <c r="K47" s="8">
        <v>305</v>
      </c>
      <c r="L47" s="8">
        <v>28</v>
      </c>
      <c r="M47" s="8">
        <v>12</v>
      </c>
      <c r="N47" s="8">
        <v>43</v>
      </c>
      <c r="O47" s="8">
        <v>139</v>
      </c>
      <c r="P47" s="8">
        <v>118</v>
      </c>
      <c r="Q47" s="8">
        <v>19</v>
      </c>
      <c r="R47" s="8">
        <v>10</v>
      </c>
      <c r="S47" s="8">
        <v>8</v>
      </c>
      <c r="T47" s="8">
        <v>1</v>
      </c>
      <c r="U47" s="8">
        <v>2</v>
      </c>
    </row>
    <row r="48" spans="1:21" ht="18.75" x14ac:dyDescent="0.15">
      <c r="A48" s="16" t="s">
        <v>89</v>
      </c>
      <c r="B48" s="16" t="s">
        <v>68</v>
      </c>
      <c r="C48" s="17">
        <v>3</v>
      </c>
      <c r="D48" s="45" t="s">
        <v>85</v>
      </c>
      <c r="E48" s="18">
        <v>1971</v>
      </c>
      <c r="F48" s="18">
        <v>1843</v>
      </c>
      <c r="G48" s="18">
        <v>1693</v>
      </c>
      <c r="H48" s="18">
        <v>119</v>
      </c>
      <c r="I48" s="18">
        <v>1574</v>
      </c>
      <c r="J48" s="18">
        <v>113</v>
      </c>
      <c r="K48" s="18">
        <v>109</v>
      </c>
      <c r="L48" s="18">
        <v>3</v>
      </c>
      <c r="M48" s="18">
        <v>1</v>
      </c>
      <c r="N48" s="18">
        <v>37</v>
      </c>
      <c r="O48" s="18">
        <v>128</v>
      </c>
      <c r="P48" s="18">
        <v>115</v>
      </c>
      <c r="Q48" s="18">
        <v>11</v>
      </c>
      <c r="R48" s="18">
        <v>4</v>
      </c>
      <c r="S48" s="18">
        <v>7</v>
      </c>
      <c r="T48" s="18">
        <v>0</v>
      </c>
      <c r="U48" s="18">
        <v>2</v>
      </c>
    </row>
    <row r="49" spans="1:21" ht="18.75" x14ac:dyDescent="0.15">
      <c r="A49" s="16" t="s">
        <v>89</v>
      </c>
      <c r="B49" s="16" t="s">
        <v>67</v>
      </c>
      <c r="C49" s="17">
        <v>1</v>
      </c>
      <c r="D49" s="46" t="s">
        <v>87</v>
      </c>
      <c r="E49" s="15">
        <v>3085</v>
      </c>
      <c r="F49" s="15">
        <v>2763</v>
      </c>
      <c r="G49" s="15">
        <v>2379</v>
      </c>
      <c r="H49" s="15">
        <v>218</v>
      </c>
      <c r="I49" s="15">
        <v>2161</v>
      </c>
      <c r="J49" s="15">
        <v>343</v>
      </c>
      <c r="K49" s="15">
        <v>314</v>
      </c>
      <c r="L49" s="15">
        <v>25</v>
      </c>
      <c r="M49" s="15">
        <v>4</v>
      </c>
      <c r="N49" s="15">
        <v>41</v>
      </c>
      <c r="O49" s="15">
        <v>322</v>
      </c>
      <c r="P49" s="15">
        <v>291</v>
      </c>
      <c r="Q49" s="15">
        <v>27</v>
      </c>
      <c r="R49" s="15">
        <v>7</v>
      </c>
      <c r="S49" s="15">
        <v>19</v>
      </c>
      <c r="T49" s="15">
        <v>1</v>
      </c>
      <c r="U49" s="15">
        <v>4</v>
      </c>
    </row>
    <row r="50" spans="1:21" ht="18.75" x14ac:dyDescent="0.15">
      <c r="A50" s="16" t="s">
        <v>89</v>
      </c>
      <c r="B50" s="16" t="s">
        <v>67</v>
      </c>
      <c r="C50" s="17">
        <v>2</v>
      </c>
      <c r="D50" s="45" t="s">
        <v>86</v>
      </c>
      <c r="E50" s="8">
        <v>1698</v>
      </c>
      <c r="F50" s="8">
        <v>1510</v>
      </c>
      <c r="G50" s="8">
        <v>1244</v>
      </c>
      <c r="H50" s="8">
        <v>116</v>
      </c>
      <c r="I50" s="8">
        <v>1128</v>
      </c>
      <c r="J50" s="8">
        <v>245</v>
      </c>
      <c r="K50" s="8">
        <v>224</v>
      </c>
      <c r="L50" s="8">
        <v>20</v>
      </c>
      <c r="M50" s="8">
        <v>1</v>
      </c>
      <c r="N50" s="8">
        <v>21</v>
      </c>
      <c r="O50" s="8">
        <v>188</v>
      </c>
      <c r="P50" s="8">
        <v>176</v>
      </c>
      <c r="Q50" s="8">
        <v>11</v>
      </c>
      <c r="R50" s="8">
        <v>4</v>
      </c>
      <c r="S50" s="8">
        <v>7</v>
      </c>
      <c r="T50" s="8">
        <v>0</v>
      </c>
      <c r="U50" s="8">
        <v>1</v>
      </c>
    </row>
    <row r="51" spans="1:21" ht="18.75" x14ac:dyDescent="0.15">
      <c r="A51" s="16" t="s">
        <v>89</v>
      </c>
      <c r="B51" s="16" t="s">
        <v>67</v>
      </c>
      <c r="C51" s="17">
        <v>3</v>
      </c>
      <c r="D51" s="45" t="s">
        <v>85</v>
      </c>
      <c r="E51" s="18">
        <v>1387</v>
      </c>
      <c r="F51" s="18">
        <v>1253</v>
      </c>
      <c r="G51" s="18">
        <v>1135</v>
      </c>
      <c r="H51" s="18">
        <v>102</v>
      </c>
      <c r="I51" s="18">
        <v>1033</v>
      </c>
      <c r="J51" s="18">
        <v>98</v>
      </c>
      <c r="K51" s="18">
        <v>90</v>
      </c>
      <c r="L51" s="18">
        <v>5</v>
      </c>
      <c r="M51" s="18">
        <v>3</v>
      </c>
      <c r="N51" s="18">
        <v>20</v>
      </c>
      <c r="O51" s="18">
        <v>134</v>
      </c>
      <c r="P51" s="18">
        <v>115</v>
      </c>
      <c r="Q51" s="18">
        <v>16</v>
      </c>
      <c r="R51" s="18">
        <v>3</v>
      </c>
      <c r="S51" s="18">
        <v>12</v>
      </c>
      <c r="T51" s="18">
        <v>1</v>
      </c>
      <c r="U51" s="18">
        <v>3</v>
      </c>
    </row>
    <row r="52" spans="1:21" ht="18.75" x14ac:dyDescent="0.15">
      <c r="A52" s="16" t="s">
        <v>89</v>
      </c>
      <c r="B52" s="16" t="s">
        <v>66</v>
      </c>
      <c r="C52" s="17">
        <v>1</v>
      </c>
      <c r="D52" s="46" t="s">
        <v>87</v>
      </c>
      <c r="E52" s="15">
        <v>8399</v>
      </c>
      <c r="F52" s="15">
        <v>6391</v>
      </c>
      <c r="G52" s="15">
        <v>5686</v>
      </c>
      <c r="H52" s="15">
        <v>363</v>
      </c>
      <c r="I52" s="15">
        <v>5323</v>
      </c>
      <c r="J52" s="15">
        <v>548</v>
      </c>
      <c r="K52" s="15">
        <v>477</v>
      </c>
      <c r="L52" s="15">
        <v>65</v>
      </c>
      <c r="M52" s="15">
        <v>6</v>
      </c>
      <c r="N52" s="15">
        <v>157</v>
      </c>
      <c r="O52" s="15">
        <v>2008</v>
      </c>
      <c r="P52" s="15">
        <v>1948</v>
      </c>
      <c r="Q52" s="15">
        <v>55</v>
      </c>
      <c r="R52" s="15">
        <v>28</v>
      </c>
      <c r="S52" s="15">
        <v>27</v>
      </c>
      <c r="T52" s="15">
        <v>0</v>
      </c>
      <c r="U52" s="15">
        <v>5</v>
      </c>
    </row>
    <row r="53" spans="1:21" ht="18.75" x14ac:dyDescent="0.15">
      <c r="A53" s="16" t="s">
        <v>89</v>
      </c>
      <c r="B53" s="16" t="s">
        <v>66</v>
      </c>
      <c r="C53" s="17">
        <v>2</v>
      </c>
      <c r="D53" s="45" t="s">
        <v>86</v>
      </c>
      <c r="E53" s="8">
        <v>5052</v>
      </c>
      <c r="F53" s="8">
        <v>3683</v>
      </c>
      <c r="G53" s="8">
        <v>3191</v>
      </c>
      <c r="H53" s="8">
        <v>194</v>
      </c>
      <c r="I53" s="8">
        <v>2997</v>
      </c>
      <c r="J53" s="8">
        <v>393</v>
      </c>
      <c r="K53" s="8">
        <v>338</v>
      </c>
      <c r="L53" s="8">
        <v>52</v>
      </c>
      <c r="M53" s="8">
        <v>3</v>
      </c>
      <c r="N53" s="8">
        <v>99</v>
      </c>
      <c r="O53" s="8">
        <v>1369</v>
      </c>
      <c r="P53" s="8">
        <v>1336</v>
      </c>
      <c r="Q53" s="8">
        <v>30</v>
      </c>
      <c r="R53" s="8">
        <v>15</v>
      </c>
      <c r="S53" s="8">
        <v>15</v>
      </c>
      <c r="T53" s="8">
        <v>0</v>
      </c>
      <c r="U53" s="8">
        <v>3</v>
      </c>
    </row>
    <row r="54" spans="1:21" ht="18.75" x14ac:dyDescent="0.15">
      <c r="A54" s="16" t="s">
        <v>89</v>
      </c>
      <c r="B54" s="16" t="s">
        <v>66</v>
      </c>
      <c r="C54" s="17">
        <v>3</v>
      </c>
      <c r="D54" s="45" t="s">
        <v>85</v>
      </c>
      <c r="E54" s="18">
        <v>3347</v>
      </c>
      <c r="F54" s="18">
        <v>2708</v>
      </c>
      <c r="G54" s="18">
        <v>2495</v>
      </c>
      <c r="H54" s="18">
        <v>169</v>
      </c>
      <c r="I54" s="18">
        <v>2326</v>
      </c>
      <c r="J54" s="18">
        <v>155</v>
      </c>
      <c r="K54" s="18">
        <v>139</v>
      </c>
      <c r="L54" s="18">
        <v>13</v>
      </c>
      <c r="M54" s="18">
        <v>3</v>
      </c>
      <c r="N54" s="18">
        <v>58</v>
      </c>
      <c r="O54" s="18">
        <v>639</v>
      </c>
      <c r="P54" s="18">
        <v>612</v>
      </c>
      <c r="Q54" s="18">
        <v>25</v>
      </c>
      <c r="R54" s="18">
        <v>13</v>
      </c>
      <c r="S54" s="18">
        <v>12</v>
      </c>
      <c r="T54" s="18">
        <v>0</v>
      </c>
      <c r="U54" s="18">
        <v>2</v>
      </c>
    </row>
    <row r="55" spans="1:21" ht="18.75" x14ac:dyDescent="0.15">
      <c r="A55" s="16" t="s">
        <v>89</v>
      </c>
      <c r="B55" s="16" t="s">
        <v>65</v>
      </c>
      <c r="C55" s="17">
        <v>1</v>
      </c>
      <c r="D55" s="46" t="s">
        <v>87</v>
      </c>
      <c r="E55" s="15">
        <v>2434</v>
      </c>
      <c r="F55" s="15">
        <v>2199</v>
      </c>
      <c r="G55" s="15">
        <v>1907</v>
      </c>
      <c r="H55" s="15">
        <v>214</v>
      </c>
      <c r="I55" s="15">
        <v>1693</v>
      </c>
      <c r="J55" s="15">
        <v>222</v>
      </c>
      <c r="K55" s="15">
        <v>206</v>
      </c>
      <c r="L55" s="15">
        <v>14</v>
      </c>
      <c r="M55" s="15">
        <v>2</v>
      </c>
      <c r="N55" s="15">
        <v>70</v>
      </c>
      <c r="O55" s="15">
        <v>235</v>
      </c>
      <c r="P55" s="15">
        <v>211</v>
      </c>
      <c r="Q55" s="15">
        <v>20</v>
      </c>
      <c r="R55" s="15">
        <v>9</v>
      </c>
      <c r="S55" s="15">
        <v>11</v>
      </c>
      <c r="T55" s="15">
        <v>0</v>
      </c>
      <c r="U55" s="15">
        <v>4</v>
      </c>
    </row>
    <row r="56" spans="1:21" ht="18.75" x14ac:dyDescent="0.15">
      <c r="A56" s="16" t="s">
        <v>89</v>
      </c>
      <c r="B56" s="16" t="s">
        <v>65</v>
      </c>
      <c r="C56" s="17">
        <v>2</v>
      </c>
      <c r="D56" s="45" t="s">
        <v>86</v>
      </c>
      <c r="E56" s="8">
        <v>1278</v>
      </c>
      <c r="F56" s="8">
        <v>1160</v>
      </c>
      <c r="G56" s="8">
        <v>956</v>
      </c>
      <c r="H56" s="8">
        <v>119</v>
      </c>
      <c r="I56" s="8">
        <v>837</v>
      </c>
      <c r="J56" s="8">
        <v>168</v>
      </c>
      <c r="K56" s="8">
        <v>158</v>
      </c>
      <c r="L56" s="8">
        <v>9</v>
      </c>
      <c r="M56" s="8">
        <v>1</v>
      </c>
      <c r="N56" s="8">
        <v>36</v>
      </c>
      <c r="O56" s="8">
        <v>118</v>
      </c>
      <c r="P56" s="8">
        <v>111</v>
      </c>
      <c r="Q56" s="8">
        <v>5</v>
      </c>
      <c r="R56" s="8">
        <v>2</v>
      </c>
      <c r="S56" s="8">
        <v>3</v>
      </c>
      <c r="T56" s="8">
        <v>0</v>
      </c>
      <c r="U56" s="8">
        <v>2</v>
      </c>
    </row>
    <row r="57" spans="1:21" ht="18.75" x14ac:dyDescent="0.15">
      <c r="A57" s="16" t="s">
        <v>89</v>
      </c>
      <c r="B57" s="16" t="s">
        <v>65</v>
      </c>
      <c r="C57" s="17">
        <v>3</v>
      </c>
      <c r="D57" s="45" t="s">
        <v>85</v>
      </c>
      <c r="E57" s="18">
        <v>1156</v>
      </c>
      <c r="F57" s="18">
        <v>1039</v>
      </c>
      <c r="G57" s="18">
        <v>951</v>
      </c>
      <c r="H57" s="18">
        <v>95</v>
      </c>
      <c r="I57" s="18">
        <v>856</v>
      </c>
      <c r="J57" s="18">
        <v>54</v>
      </c>
      <c r="K57" s="18">
        <v>48</v>
      </c>
      <c r="L57" s="18">
        <v>5</v>
      </c>
      <c r="M57" s="18">
        <v>1</v>
      </c>
      <c r="N57" s="18">
        <v>34</v>
      </c>
      <c r="O57" s="18">
        <v>117</v>
      </c>
      <c r="P57" s="18">
        <v>100</v>
      </c>
      <c r="Q57" s="18">
        <v>15</v>
      </c>
      <c r="R57" s="18">
        <v>7</v>
      </c>
      <c r="S57" s="18">
        <v>8</v>
      </c>
      <c r="T57" s="18">
        <v>0</v>
      </c>
      <c r="U57" s="18">
        <v>2</v>
      </c>
    </row>
    <row r="58" spans="1:21" ht="18.75" x14ac:dyDescent="0.15">
      <c r="A58" s="16" t="s">
        <v>89</v>
      </c>
      <c r="B58" s="16" t="s">
        <v>64</v>
      </c>
      <c r="C58" s="17">
        <v>1</v>
      </c>
      <c r="D58" s="46" t="s">
        <v>87</v>
      </c>
      <c r="E58" s="15">
        <v>1573</v>
      </c>
      <c r="F58" s="15">
        <v>1485</v>
      </c>
      <c r="G58" s="15">
        <v>1274</v>
      </c>
      <c r="H58" s="15">
        <v>154</v>
      </c>
      <c r="I58" s="15">
        <v>1120</v>
      </c>
      <c r="J58" s="15">
        <v>164</v>
      </c>
      <c r="K58" s="15">
        <v>152</v>
      </c>
      <c r="L58" s="15">
        <v>8</v>
      </c>
      <c r="M58" s="15">
        <v>4</v>
      </c>
      <c r="N58" s="15">
        <v>47</v>
      </c>
      <c r="O58" s="15">
        <v>88</v>
      </c>
      <c r="P58" s="15">
        <v>74</v>
      </c>
      <c r="Q58" s="15">
        <v>13</v>
      </c>
      <c r="R58" s="15">
        <v>7</v>
      </c>
      <c r="S58" s="15">
        <v>6</v>
      </c>
      <c r="T58" s="15">
        <v>0</v>
      </c>
      <c r="U58" s="15">
        <v>1</v>
      </c>
    </row>
    <row r="59" spans="1:21" ht="18.75" x14ac:dyDescent="0.15">
      <c r="A59" s="16" t="s">
        <v>89</v>
      </c>
      <c r="B59" s="16" t="s">
        <v>64</v>
      </c>
      <c r="C59" s="17">
        <v>2</v>
      </c>
      <c r="D59" s="45" t="s">
        <v>86</v>
      </c>
      <c r="E59" s="8">
        <v>846</v>
      </c>
      <c r="F59" s="8">
        <v>802</v>
      </c>
      <c r="G59" s="8">
        <v>653</v>
      </c>
      <c r="H59" s="8">
        <v>85</v>
      </c>
      <c r="I59" s="8">
        <v>568</v>
      </c>
      <c r="J59" s="8">
        <v>121</v>
      </c>
      <c r="K59" s="8">
        <v>110</v>
      </c>
      <c r="L59" s="8">
        <v>7</v>
      </c>
      <c r="M59" s="8">
        <v>4</v>
      </c>
      <c r="N59" s="8">
        <v>28</v>
      </c>
      <c r="O59" s="8">
        <v>44</v>
      </c>
      <c r="P59" s="8">
        <v>37</v>
      </c>
      <c r="Q59" s="8">
        <v>6</v>
      </c>
      <c r="R59" s="8">
        <v>4</v>
      </c>
      <c r="S59" s="8">
        <v>2</v>
      </c>
      <c r="T59" s="8">
        <v>0</v>
      </c>
      <c r="U59" s="8">
        <v>1</v>
      </c>
    </row>
    <row r="60" spans="1:21" ht="18.75" x14ac:dyDescent="0.15">
      <c r="A60" s="16" t="s">
        <v>89</v>
      </c>
      <c r="B60" s="16" t="s">
        <v>64</v>
      </c>
      <c r="C60" s="17">
        <v>3</v>
      </c>
      <c r="D60" s="45" t="s">
        <v>85</v>
      </c>
      <c r="E60" s="18">
        <v>727</v>
      </c>
      <c r="F60" s="18">
        <v>683</v>
      </c>
      <c r="G60" s="18">
        <v>621</v>
      </c>
      <c r="H60" s="18">
        <v>69</v>
      </c>
      <c r="I60" s="18">
        <v>552</v>
      </c>
      <c r="J60" s="18">
        <v>43</v>
      </c>
      <c r="K60" s="18">
        <v>42</v>
      </c>
      <c r="L60" s="18">
        <v>1</v>
      </c>
      <c r="M60" s="18">
        <v>0</v>
      </c>
      <c r="N60" s="18">
        <v>19</v>
      </c>
      <c r="O60" s="18">
        <v>44</v>
      </c>
      <c r="P60" s="18">
        <v>37</v>
      </c>
      <c r="Q60" s="18">
        <v>7</v>
      </c>
      <c r="R60" s="18">
        <v>3</v>
      </c>
      <c r="S60" s="18">
        <v>4</v>
      </c>
      <c r="T60" s="18">
        <v>0</v>
      </c>
      <c r="U60" s="18">
        <v>0</v>
      </c>
    </row>
    <row r="61" spans="1:21" ht="18.75" x14ac:dyDescent="0.15">
      <c r="A61" s="16" t="s">
        <v>89</v>
      </c>
      <c r="B61" s="16" t="s">
        <v>63</v>
      </c>
      <c r="C61" s="17">
        <v>1</v>
      </c>
      <c r="D61" s="46" t="s">
        <v>87</v>
      </c>
      <c r="E61" s="15">
        <v>3130</v>
      </c>
      <c r="F61" s="15">
        <v>2911</v>
      </c>
      <c r="G61" s="15">
        <v>2492</v>
      </c>
      <c r="H61" s="15">
        <v>158</v>
      </c>
      <c r="I61" s="15">
        <v>2334</v>
      </c>
      <c r="J61" s="15">
        <v>360</v>
      </c>
      <c r="K61" s="15">
        <v>324</v>
      </c>
      <c r="L61" s="15">
        <v>26</v>
      </c>
      <c r="M61" s="15">
        <v>10</v>
      </c>
      <c r="N61" s="15">
        <v>59</v>
      </c>
      <c r="O61" s="15">
        <v>219</v>
      </c>
      <c r="P61" s="15">
        <v>188</v>
      </c>
      <c r="Q61" s="15">
        <v>28</v>
      </c>
      <c r="R61" s="15">
        <v>11</v>
      </c>
      <c r="S61" s="15">
        <v>17</v>
      </c>
      <c r="T61" s="15">
        <v>0</v>
      </c>
      <c r="U61" s="15">
        <v>3</v>
      </c>
    </row>
    <row r="62" spans="1:21" ht="18.75" x14ac:dyDescent="0.15">
      <c r="A62" s="16" t="s">
        <v>89</v>
      </c>
      <c r="B62" s="16" t="s">
        <v>63</v>
      </c>
      <c r="C62" s="17">
        <v>2</v>
      </c>
      <c r="D62" s="45" t="s">
        <v>86</v>
      </c>
      <c r="E62" s="8">
        <v>1709</v>
      </c>
      <c r="F62" s="8">
        <v>1593</v>
      </c>
      <c r="G62" s="8">
        <v>1299</v>
      </c>
      <c r="H62" s="8">
        <v>83</v>
      </c>
      <c r="I62" s="8">
        <v>1216</v>
      </c>
      <c r="J62" s="8">
        <v>264</v>
      </c>
      <c r="K62" s="8">
        <v>234</v>
      </c>
      <c r="L62" s="8">
        <v>24</v>
      </c>
      <c r="M62" s="8">
        <v>6</v>
      </c>
      <c r="N62" s="8">
        <v>30</v>
      </c>
      <c r="O62" s="8">
        <v>116</v>
      </c>
      <c r="P62" s="8">
        <v>95</v>
      </c>
      <c r="Q62" s="8">
        <v>19</v>
      </c>
      <c r="R62" s="8">
        <v>5</v>
      </c>
      <c r="S62" s="8">
        <v>14</v>
      </c>
      <c r="T62" s="8">
        <v>0</v>
      </c>
      <c r="U62" s="8">
        <v>2</v>
      </c>
    </row>
    <row r="63" spans="1:21" ht="18.75" x14ac:dyDescent="0.15">
      <c r="A63" s="16" t="s">
        <v>89</v>
      </c>
      <c r="B63" s="16" t="s">
        <v>63</v>
      </c>
      <c r="C63" s="17">
        <v>3</v>
      </c>
      <c r="D63" s="45" t="s">
        <v>85</v>
      </c>
      <c r="E63" s="18">
        <v>1421</v>
      </c>
      <c r="F63" s="18">
        <v>1318</v>
      </c>
      <c r="G63" s="18">
        <v>1193</v>
      </c>
      <c r="H63" s="18">
        <v>75</v>
      </c>
      <c r="I63" s="18">
        <v>1118</v>
      </c>
      <c r="J63" s="18">
        <v>96</v>
      </c>
      <c r="K63" s="18">
        <v>90</v>
      </c>
      <c r="L63" s="18">
        <v>2</v>
      </c>
      <c r="M63" s="18">
        <v>4</v>
      </c>
      <c r="N63" s="18">
        <v>29</v>
      </c>
      <c r="O63" s="18">
        <v>103</v>
      </c>
      <c r="P63" s="18">
        <v>93</v>
      </c>
      <c r="Q63" s="18">
        <v>9</v>
      </c>
      <c r="R63" s="18">
        <v>6</v>
      </c>
      <c r="S63" s="18">
        <v>3</v>
      </c>
      <c r="T63" s="18">
        <v>0</v>
      </c>
      <c r="U63" s="18">
        <v>1</v>
      </c>
    </row>
    <row r="64" spans="1:21" ht="18.75" x14ac:dyDescent="0.15">
      <c r="A64" s="16" t="s">
        <v>89</v>
      </c>
      <c r="B64" s="16" t="s">
        <v>62</v>
      </c>
      <c r="C64" s="17">
        <v>1</v>
      </c>
      <c r="D64" s="46" t="s">
        <v>87</v>
      </c>
      <c r="E64" s="15">
        <v>4155</v>
      </c>
      <c r="F64" s="15">
        <v>3770</v>
      </c>
      <c r="G64" s="15">
        <v>3146</v>
      </c>
      <c r="H64" s="15">
        <v>230</v>
      </c>
      <c r="I64" s="15">
        <v>2916</v>
      </c>
      <c r="J64" s="15">
        <v>537</v>
      </c>
      <c r="K64" s="15">
        <v>492</v>
      </c>
      <c r="L64" s="15">
        <v>33</v>
      </c>
      <c r="M64" s="15">
        <v>12</v>
      </c>
      <c r="N64" s="15">
        <v>87</v>
      </c>
      <c r="O64" s="15">
        <v>385</v>
      </c>
      <c r="P64" s="15">
        <v>335</v>
      </c>
      <c r="Q64" s="15">
        <v>46</v>
      </c>
      <c r="R64" s="15">
        <v>34</v>
      </c>
      <c r="S64" s="15">
        <v>12</v>
      </c>
      <c r="T64" s="15">
        <v>0</v>
      </c>
      <c r="U64" s="15">
        <v>4</v>
      </c>
    </row>
    <row r="65" spans="1:21" ht="18.75" x14ac:dyDescent="0.15">
      <c r="A65" s="16" t="s">
        <v>89</v>
      </c>
      <c r="B65" s="16" t="s">
        <v>62</v>
      </c>
      <c r="C65" s="17">
        <v>2</v>
      </c>
      <c r="D65" s="45" t="s">
        <v>86</v>
      </c>
      <c r="E65" s="8">
        <v>2263</v>
      </c>
      <c r="F65" s="8">
        <v>2071</v>
      </c>
      <c r="G65" s="8">
        <v>1624</v>
      </c>
      <c r="H65" s="8">
        <v>127</v>
      </c>
      <c r="I65" s="8">
        <v>1497</v>
      </c>
      <c r="J65" s="8">
        <v>398</v>
      </c>
      <c r="K65" s="8">
        <v>361</v>
      </c>
      <c r="L65" s="8">
        <v>29</v>
      </c>
      <c r="M65" s="8">
        <v>8</v>
      </c>
      <c r="N65" s="8">
        <v>49</v>
      </c>
      <c r="O65" s="8">
        <v>192</v>
      </c>
      <c r="P65" s="8">
        <v>171</v>
      </c>
      <c r="Q65" s="8">
        <v>19</v>
      </c>
      <c r="R65" s="8">
        <v>14</v>
      </c>
      <c r="S65" s="8">
        <v>5</v>
      </c>
      <c r="T65" s="8">
        <v>0</v>
      </c>
      <c r="U65" s="8">
        <v>2</v>
      </c>
    </row>
    <row r="66" spans="1:21" ht="18.75" x14ac:dyDescent="0.15">
      <c r="A66" s="16" t="s">
        <v>89</v>
      </c>
      <c r="B66" s="16" t="s">
        <v>62</v>
      </c>
      <c r="C66" s="17">
        <v>3</v>
      </c>
      <c r="D66" s="45" t="s">
        <v>85</v>
      </c>
      <c r="E66" s="18">
        <v>1892</v>
      </c>
      <c r="F66" s="18">
        <v>1699</v>
      </c>
      <c r="G66" s="18">
        <v>1522</v>
      </c>
      <c r="H66" s="18">
        <v>103</v>
      </c>
      <c r="I66" s="18">
        <v>1419</v>
      </c>
      <c r="J66" s="18">
        <v>139</v>
      </c>
      <c r="K66" s="18">
        <v>131</v>
      </c>
      <c r="L66" s="18">
        <v>4</v>
      </c>
      <c r="M66" s="18">
        <v>4</v>
      </c>
      <c r="N66" s="18">
        <v>38</v>
      </c>
      <c r="O66" s="18">
        <v>193</v>
      </c>
      <c r="P66" s="18">
        <v>164</v>
      </c>
      <c r="Q66" s="18">
        <v>27</v>
      </c>
      <c r="R66" s="18">
        <v>20</v>
      </c>
      <c r="S66" s="18">
        <v>7</v>
      </c>
      <c r="T66" s="18">
        <v>0</v>
      </c>
      <c r="U66" s="18">
        <v>2</v>
      </c>
    </row>
    <row r="67" spans="1:21" ht="18.75" x14ac:dyDescent="0.15">
      <c r="A67" s="16" t="s">
        <v>89</v>
      </c>
      <c r="B67" s="16" t="s">
        <v>61</v>
      </c>
      <c r="C67" s="17">
        <v>1</v>
      </c>
      <c r="D67" s="46" t="s">
        <v>87</v>
      </c>
      <c r="E67" s="15">
        <v>1231</v>
      </c>
      <c r="F67" s="15">
        <v>1120</v>
      </c>
      <c r="G67" s="15">
        <v>916</v>
      </c>
      <c r="H67" s="15">
        <v>90</v>
      </c>
      <c r="I67" s="15">
        <v>826</v>
      </c>
      <c r="J67" s="15">
        <v>164</v>
      </c>
      <c r="K67" s="15">
        <v>153</v>
      </c>
      <c r="L67" s="15">
        <v>9</v>
      </c>
      <c r="M67" s="15">
        <v>2</v>
      </c>
      <c r="N67" s="15">
        <v>40</v>
      </c>
      <c r="O67" s="15">
        <v>111</v>
      </c>
      <c r="P67" s="15">
        <v>98</v>
      </c>
      <c r="Q67" s="15">
        <v>12</v>
      </c>
      <c r="R67" s="15">
        <v>9</v>
      </c>
      <c r="S67" s="15">
        <v>3</v>
      </c>
      <c r="T67" s="15">
        <v>0</v>
      </c>
      <c r="U67" s="15">
        <v>1</v>
      </c>
    </row>
    <row r="68" spans="1:21" ht="18.75" x14ac:dyDescent="0.15">
      <c r="A68" s="16" t="s">
        <v>89</v>
      </c>
      <c r="B68" s="16" t="s">
        <v>61</v>
      </c>
      <c r="C68" s="17">
        <v>2</v>
      </c>
      <c r="D68" s="45" t="s">
        <v>86</v>
      </c>
      <c r="E68" s="8">
        <v>668</v>
      </c>
      <c r="F68" s="8">
        <v>612</v>
      </c>
      <c r="G68" s="8">
        <v>477</v>
      </c>
      <c r="H68" s="8">
        <v>57</v>
      </c>
      <c r="I68" s="8">
        <v>420</v>
      </c>
      <c r="J68" s="8">
        <v>113</v>
      </c>
      <c r="K68" s="8">
        <v>105</v>
      </c>
      <c r="L68" s="8">
        <v>8</v>
      </c>
      <c r="M68" s="8">
        <v>0</v>
      </c>
      <c r="N68" s="8">
        <v>22</v>
      </c>
      <c r="O68" s="8">
        <v>56</v>
      </c>
      <c r="P68" s="8">
        <v>51</v>
      </c>
      <c r="Q68" s="8">
        <v>4</v>
      </c>
      <c r="R68" s="8">
        <v>1</v>
      </c>
      <c r="S68" s="8">
        <v>3</v>
      </c>
      <c r="T68" s="8">
        <v>0</v>
      </c>
      <c r="U68" s="8">
        <v>1</v>
      </c>
    </row>
    <row r="69" spans="1:21" ht="18.75" x14ac:dyDescent="0.15">
      <c r="A69" s="16" t="s">
        <v>89</v>
      </c>
      <c r="B69" s="16" t="s">
        <v>61</v>
      </c>
      <c r="C69" s="17">
        <v>3</v>
      </c>
      <c r="D69" s="45" t="s">
        <v>85</v>
      </c>
      <c r="E69" s="18">
        <v>563</v>
      </c>
      <c r="F69" s="18">
        <v>508</v>
      </c>
      <c r="G69" s="18">
        <v>439</v>
      </c>
      <c r="H69" s="18">
        <v>33</v>
      </c>
      <c r="I69" s="18">
        <v>406</v>
      </c>
      <c r="J69" s="18">
        <v>51</v>
      </c>
      <c r="K69" s="18">
        <v>48</v>
      </c>
      <c r="L69" s="18">
        <v>1</v>
      </c>
      <c r="M69" s="18">
        <v>2</v>
      </c>
      <c r="N69" s="18">
        <v>18</v>
      </c>
      <c r="O69" s="18">
        <v>55</v>
      </c>
      <c r="P69" s="18">
        <v>47</v>
      </c>
      <c r="Q69" s="18">
        <v>8</v>
      </c>
      <c r="R69" s="18">
        <v>8</v>
      </c>
      <c r="S69" s="18">
        <v>0</v>
      </c>
      <c r="T69" s="18">
        <v>0</v>
      </c>
      <c r="U69" s="18">
        <v>0</v>
      </c>
    </row>
    <row r="70" spans="1:21" ht="18.75" x14ac:dyDescent="0.15">
      <c r="A70" s="16" t="s">
        <v>89</v>
      </c>
      <c r="B70" s="16" t="s">
        <v>60</v>
      </c>
      <c r="C70" s="17">
        <v>1</v>
      </c>
      <c r="D70" s="46" t="s">
        <v>87</v>
      </c>
      <c r="E70" s="15">
        <v>2353</v>
      </c>
      <c r="F70" s="15">
        <v>2143</v>
      </c>
      <c r="G70" s="15">
        <v>1773</v>
      </c>
      <c r="H70" s="15">
        <v>170</v>
      </c>
      <c r="I70" s="15">
        <v>1603</v>
      </c>
      <c r="J70" s="15">
        <v>301</v>
      </c>
      <c r="K70" s="15">
        <v>285</v>
      </c>
      <c r="L70" s="15">
        <v>9</v>
      </c>
      <c r="M70" s="15">
        <v>7</v>
      </c>
      <c r="N70" s="15">
        <v>69</v>
      </c>
      <c r="O70" s="15">
        <v>210</v>
      </c>
      <c r="P70" s="15">
        <v>180</v>
      </c>
      <c r="Q70" s="15">
        <v>25</v>
      </c>
      <c r="R70" s="15">
        <v>15</v>
      </c>
      <c r="S70" s="15">
        <v>10</v>
      </c>
      <c r="T70" s="15">
        <v>0</v>
      </c>
      <c r="U70" s="15">
        <v>5</v>
      </c>
    </row>
    <row r="71" spans="1:21" ht="18.75" x14ac:dyDescent="0.15">
      <c r="A71" s="16" t="s">
        <v>89</v>
      </c>
      <c r="B71" s="16" t="s">
        <v>60</v>
      </c>
      <c r="C71" s="17">
        <v>2</v>
      </c>
      <c r="D71" s="45" t="s">
        <v>86</v>
      </c>
      <c r="E71" s="8">
        <v>1266</v>
      </c>
      <c r="F71" s="8">
        <v>1157</v>
      </c>
      <c r="G71" s="8">
        <v>916</v>
      </c>
      <c r="H71" s="8">
        <v>104</v>
      </c>
      <c r="I71" s="8">
        <v>812</v>
      </c>
      <c r="J71" s="8">
        <v>203</v>
      </c>
      <c r="K71" s="8">
        <v>191</v>
      </c>
      <c r="L71" s="8">
        <v>6</v>
      </c>
      <c r="M71" s="8">
        <v>6</v>
      </c>
      <c r="N71" s="8">
        <v>38</v>
      </c>
      <c r="O71" s="8">
        <v>109</v>
      </c>
      <c r="P71" s="8">
        <v>92</v>
      </c>
      <c r="Q71" s="8">
        <v>13</v>
      </c>
      <c r="R71" s="8">
        <v>6</v>
      </c>
      <c r="S71" s="8">
        <v>7</v>
      </c>
      <c r="T71" s="8">
        <v>0</v>
      </c>
      <c r="U71" s="8">
        <v>4</v>
      </c>
    </row>
    <row r="72" spans="1:21" ht="18.75" x14ac:dyDescent="0.15">
      <c r="A72" s="16" t="s">
        <v>89</v>
      </c>
      <c r="B72" s="16" t="s">
        <v>60</v>
      </c>
      <c r="C72" s="17">
        <v>3</v>
      </c>
      <c r="D72" s="45" t="s">
        <v>85</v>
      </c>
      <c r="E72" s="18">
        <v>1087</v>
      </c>
      <c r="F72" s="18">
        <v>986</v>
      </c>
      <c r="G72" s="18">
        <v>857</v>
      </c>
      <c r="H72" s="18">
        <v>66</v>
      </c>
      <c r="I72" s="18">
        <v>791</v>
      </c>
      <c r="J72" s="18">
        <v>98</v>
      </c>
      <c r="K72" s="18">
        <v>94</v>
      </c>
      <c r="L72" s="18">
        <v>3</v>
      </c>
      <c r="M72" s="18">
        <v>1</v>
      </c>
      <c r="N72" s="18">
        <v>31</v>
      </c>
      <c r="O72" s="18">
        <v>101</v>
      </c>
      <c r="P72" s="18">
        <v>88</v>
      </c>
      <c r="Q72" s="18">
        <v>12</v>
      </c>
      <c r="R72" s="18">
        <v>9</v>
      </c>
      <c r="S72" s="18">
        <v>3</v>
      </c>
      <c r="T72" s="18">
        <v>0</v>
      </c>
      <c r="U72" s="18">
        <v>1</v>
      </c>
    </row>
    <row r="73" spans="1:21" ht="18.75" x14ac:dyDescent="0.15">
      <c r="A73" s="16" t="s">
        <v>89</v>
      </c>
      <c r="B73" s="16" t="s">
        <v>59</v>
      </c>
      <c r="C73" s="17">
        <v>1</v>
      </c>
      <c r="D73" s="46" t="s">
        <v>87</v>
      </c>
      <c r="E73" s="15">
        <v>8446</v>
      </c>
      <c r="F73" s="15">
        <v>7840</v>
      </c>
      <c r="G73" s="15">
        <v>6653</v>
      </c>
      <c r="H73" s="15">
        <v>425</v>
      </c>
      <c r="I73" s="15">
        <v>6228</v>
      </c>
      <c r="J73" s="15">
        <v>1032</v>
      </c>
      <c r="K73" s="15">
        <v>947</v>
      </c>
      <c r="L73" s="15">
        <v>65</v>
      </c>
      <c r="M73" s="15">
        <v>20</v>
      </c>
      <c r="N73" s="15">
        <v>155</v>
      </c>
      <c r="O73" s="15">
        <v>606</v>
      </c>
      <c r="P73" s="15">
        <v>511</v>
      </c>
      <c r="Q73" s="15">
        <v>84</v>
      </c>
      <c r="R73" s="15">
        <v>46</v>
      </c>
      <c r="S73" s="15">
        <v>38</v>
      </c>
      <c r="T73" s="15">
        <v>0</v>
      </c>
      <c r="U73" s="15">
        <v>11</v>
      </c>
    </row>
    <row r="74" spans="1:21" ht="18.75" x14ac:dyDescent="0.15">
      <c r="A74" s="16" t="s">
        <v>89</v>
      </c>
      <c r="B74" s="16" t="s">
        <v>59</v>
      </c>
      <c r="C74" s="17">
        <v>2</v>
      </c>
      <c r="D74" s="45" t="s">
        <v>86</v>
      </c>
      <c r="E74" s="8">
        <v>4576</v>
      </c>
      <c r="F74" s="8">
        <v>4285</v>
      </c>
      <c r="G74" s="8">
        <v>3427</v>
      </c>
      <c r="H74" s="8">
        <v>229</v>
      </c>
      <c r="I74" s="8">
        <v>3198</v>
      </c>
      <c r="J74" s="8">
        <v>765</v>
      </c>
      <c r="K74" s="8">
        <v>699</v>
      </c>
      <c r="L74" s="8">
        <v>51</v>
      </c>
      <c r="M74" s="8">
        <v>15</v>
      </c>
      <c r="N74" s="8">
        <v>93</v>
      </c>
      <c r="O74" s="8">
        <v>291</v>
      </c>
      <c r="P74" s="8">
        <v>244</v>
      </c>
      <c r="Q74" s="8">
        <v>43</v>
      </c>
      <c r="R74" s="8">
        <v>21</v>
      </c>
      <c r="S74" s="8">
        <v>22</v>
      </c>
      <c r="T74" s="8">
        <v>0</v>
      </c>
      <c r="U74" s="8">
        <v>4</v>
      </c>
    </row>
    <row r="75" spans="1:21" ht="18.75" x14ac:dyDescent="0.15">
      <c r="A75" s="16" t="s">
        <v>89</v>
      </c>
      <c r="B75" s="16" t="s">
        <v>59</v>
      </c>
      <c r="C75" s="17">
        <v>3</v>
      </c>
      <c r="D75" s="45" t="s">
        <v>85</v>
      </c>
      <c r="E75" s="18">
        <v>3870</v>
      </c>
      <c r="F75" s="18">
        <v>3555</v>
      </c>
      <c r="G75" s="18">
        <v>3226</v>
      </c>
      <c r="H75" s="18">
        <v>196</v>
      </c>
      <c r="I75" s="18">
        <v>3030</v>
      </c>
      <c r="J75" s="18">
        <v>267</v>
      </c>
      <c r="K75" s="18">
        <v>248</v>
      </c>
      <c r="L75" s="18">
        <v>14</v>
      </c>
      <c r="M75" s="18">
        <v>5</v>
      </c>
      <c r="N75" s="18">
        <v>62</v>
      </c>
      <c r="O75" s="18">
        <v>315</v>
      </c>
      <c r="P75" s="18">
        <v>267</v>
      </c>
      <c r="Q75" s="18">
        <v>41</v>
      </c>
      <c r="R75" s="18">
        <v>25</v>
      </c>
      <c r="S75" s="18">
        <v>16</v>
      </c>
      <c r="T75" s="18">
        <v>0</v>
      </c>
      <c r="U75" s="18">
        <v>7</v>
      </c>
    </row>
    <row r="76" spans="1:21" ht="18.75" x14ac:dyDescent="0.15">
      <c r="A76" s="16" t="s">
        <v>89</v>
      </c>
      <c r="B76" s="16" t="s">
        <v>58</v>
      </c>
      <c r="C76" s="17">
        <v>1</v>
      </c>
      <c r="D76" s="46" t="s">
        <v>87</v>
      </c>
      <c r="E76" s="15">
        <v>5275</v>
      </c>
      <c r="F76" s="15">
        <v>4952</v>
      </c>
      <c r="G76" s="15">
        <v>4287</v>
      </c>
      <c r="H76" s="15">
        <v>314</v>
      </c>
      <c r="I76" s="15">
        <v>3973</v>
      </c>
      <c r="J76" s="15">
        <v>535</v>
      </c>
      <c r="K76" s="15">
        <v>491</v>
      </c>
      <c r="L76" s="15">
        <v>33</v>
      </c>
      <c r="M76" s="15">
        <v>11</v>
      </c>
      <c r="N76" s="15">
        <v>130</v>
      </c>
      <c r="O76" s="15">
        <v>323</v>
      </c>
      <c r="P76" s="15">
        <v>267</v>
      </c>
      <c r="Q76" s="15">
        <v>48</v>
      </c>
      <c r="R76" s="15">
        <v>28</v>
      </c>
      <c r="S76" s="15">
        <v>19</v>
      </c>
      <c r="T76" s="15">
        <v>1</v>
      </c>
      <c r="U76" s="15">
        <v>8</v>
      </c>
    </row>
    <row r="77" spans="1:21" ht="18.75" x14ac:dyDescent="0.15">
      <c r="A77" s="16" t="s">
        <v>89</v>
      </c>
      <c r="B77" s="16" t="s">
        <v>58</v>
      </c>
      <c r="C77" s="17">
        <v>2</v>
      </c>
      <c r="D77" s="45" t="s">
        <v>86</v>
      </c>
      <c r="E77" s="8">
        <v>2762</v>
      </c>
      <c r="F77" s="8">
        <v>2611</v>
      </c>
      <c r="G77" s="8">
        <v>2150</v>
      </c>
      <c r="H77" s="8">
        <v>169</v>
      </c>
      <c r="I77" s="8">
        <v>1981</v>
      </c>
      <c r="J77" s="8">
        <v>396</v>
      </c>
      <c r="K77" s="8">
        <v>361</v>
      </c>
      <c r="L77" s="8">
        <v>26</v>
      </c>
      <c r="M77" s="8">
        <v>9</v>
      </c>
      <c r="N77" s="8">
        <v>65</v>
      </c>
      <c r="O77" s="8">
        <v>151</v>
      </c>
      <c r="P77" s="8">
        <v>124</v>
      </c>
      <c r="Q77" s="8">
        <v>22</v>
      </c>
      <c r="R77" s="8">
        <v>13</v>
      </c>
      <c r="S77" s="8">
        <v>8</v>
      </c>
      <c r="T77" s="8">
        <v>1</v>
      </c>
      <c r="U77" s="8">
        <v>5</v>
      </c>
    </row>
    <row r="78" spans="1:21" ht="18.75" x14ac:dyDescent="0.15">
      <c r="A78" s="16" t="s">
        <v>89</v>
      </c>
      <c r="B78" s="16" t="s">
        <v>58</v>
      </c>
      <c r="C78" s="17">
        <v>3</v>
      </c>
      <c r="D78" s="45" t="s">
        <v>85</v>
      </c>
      <c r="E78" s="18">
        <v>2513</v>
      </c>
      <c r="F78" s="18">
        <v>2341</v>
      </c>
      <c r="G78" s="18">
        <v>2137</v>
      </c>
      <c r="H78" s="18">
        <v>145</v>
      </c>
      <c r="I78" s="18">
        <v>1992</v>
      </c>
      <c r="J78" s="18">
        <v>139</v>
      </c>
      <c r="K78" s="18">
        <v>130</v>
      </c>
      <c r="L78" s="18">
        <v>7</v>
      </c>
      <c r="M78" s="18">
        <v>2</v>
      </c>
      <c r="N78" s="18">
        <v>65</v>
      </c>
      <c r="O78" s="18">
        <v>172</v>
      </c>
      <c r="P78" s="18">
        <v>143</v>
      </c>
      <c r="Q78" s="18">
        <v>26</v>
      </c>
      <c r="R78" s="18">
        <v>15</v>
      </c>
      <c r="S78" s="18">
        <v>11</v>
      </c>
      <c r="T78" s="18">
        <v>0</v>
      </c>
      <c r="U78" s="18">
        <v>3</v>
      </c>
    </row>
    <row r="79" spans="1:21" ht="18.75" x14ac:dyDescent="0.15">
      <c r="A79" s="16" t="s">
        <v>89</v>
      </c>
      <c r="B79" s="16" t="s">
        <v>57</v>
      </c>
      <c r="C79" s="17">
        <v>1</v>
      </c>
      <c r="D79" s="46" t="s">
        <v>87</v>
      </c>
      <c r="E79" s="15">
        <v>6752</v>
      </c>
      <c r="F79" s="15">
        <v>6306</v>
      </c>
      <c r="G79" s="15">
        <v>5360</v>
      </c>
      <c r="H79" s="15">
        <v>369</v>
      </c>
      <c r="I79" s="15">
        <v>4991</v>
      </c>
      <c r="J79" s="15">
        <v>781</v>
      </c>
      <c r="K79" s="15">
        <v>706</v>
      </c>
      <c r="L79" s="15">
        <v>58</v>
      </c>
      <c r="M79" s="15">
        <v>17</v>
      </c>
      <c r="N79" s="15">
        <v>165</v>
      </c>
      <c r="O79" s="15">
        <v>446</v>
      </c>
      <c r="P79" s="15">
        <v>382</v>
      </c>
      <c r="Q79" s="15">
        <v>56</v>
      </c>
      <c r="R79" s="15">
        <v>32</v>
      </c>
      <c r="S79" s="15">
        <v>19</v>
      </c>
      <c r="T79" s="15">
        <v>5</v>
      </c>
      <c r="U79" s="15">
        <v>8</v>
      </c>
    </row>
    <row r="80" spans="1:21" ht="18.75" x14ac:dyDescent="0.15">
      <c r="A80" s="16" t="s">
        <v>89</v>
      </c>
      <c r="B80" s="16" t="s">
        <v>57</v>
      </c>
      <c r="C80" s="17">
        <v>2</v>
      </c>
      <c r="D80" s="45" t="s">
        <v>86</v>
      </c>
      <c r="E80" s="8">
        <v>3633</v>
      </c>
      <c r="F80" s="8">
        <v>3412</v>
      </c>
      <c r="G80" s="8">
        <v>2781</v>
      </c>
      <c r="H80" s="8">
        <v>206</v>
      </c>
      <c r="I80" s="8">
        <v>2575</v>
      </c>
      <c r="J80" s="8">
        <v>542</v>
      </c>
      <c r="K80" s="8">
        <v>485</v>
      </c>
      <c r="L80" s="8">
        <v>46</v>
      </c>
      <c r="M80" s="8">
        <v>11</v>
      </c>
      <c r="N80" s="8">
        <v>89</v>
      </c>
      <c r="O80" s="8">
        <v>221</v>
      </c>
      <c r="P80" s="8">
        <v>192</v>
      </c>
      <c r="Q80" s="8">
        <v>27</v>
      </c>
      <c r="R80" s="8">
        <v>17</v>
      </c>
      <c r="S80" s="8">
        <v>7</v>
      </c>
      <c r="T80" s="8">
        <v>3</v>
      </c>
      <c r="U80" s="8">
        <v>2</v>
      </c>
    </row>
    <row r="81" spans="1:21" ht="18.75" x14ac:dyDescent="0.15">
      <c r="A81" s="16" t="s">
        <v>89</v>
      </c>
      <c r="B81" s="16" t="s">
        <v>57</v>
      </c>
      <c r="C81" s="17">
        <v>3</v>
      </c>
      <c r="D81" s="45" t="s">
        <v>85</v>
      </c>
      <c r="E81" s="18">
        <v>3119</v>
      </c>
      <c r="F81" s="18">
        <v>2894</v>
      </c>
      <c r="G81" s="18">
        <v>2579</v>
      </c>
      <c r="H81" s="18">
        <v>163</v>
      </c>
      <c r="I81" s="18">
        <v>2416</v>
      </c>
      <c r="J81" s="18">
        <v>239</v>
      </c>
      <c r="K81" s="18">
        <v>221</v>
      </c>
      <c r="L81" s="18">
        <v>12</v>
      </c>
      <c r="M81" s="18">
        <v>6</v>
      </c>
      <c r="N81" s="18">
        <v>76</v>
      </c>
      <c r="O81" s="18">
        <v>225</v>
      </c>
      <c r="P81" s="18">
        <v>190</v>
      </c>
      <c r="Q81" s="18">
        <v>29</v>
      </c>
      <c r="R81" s="18">
        <v>15</v>
      </c>
      <c r="S81" s="18">
        <v>12</v>
      </c>
      <c r="T81" s="18">
        <v>2</v>
      </c>
      <c r="U81" s="18">
        <v>6</v>
      </c>
    </row>
    <row r="82" spans="1:21" ht="18.75" x14ac:dyDescent="0.15">
      <c r="A82" s="16" t="s">
        <v>89</v>
      </c>
      <c r="B82" s="16" t="s">
        <v>56</v>
      </c>
      <c r="C82" s="17">
        <v>1</v>
      </c>
      <c r="D82" s="46" t="s">
        <v>87</v>
      </c>
      <c r="E82" s="15">
        <v>8689</v>
      </c>
      <c r="F82" s="15">
        <v>8070</v>
      </c>
      <c r="G82" s="15">
        <v>6674</v>
      </c>
      <c r="H82" s="15">
        <v>440</v>
      </c>
      <c r="I82" s="15">
        <v>6234</v>
      </c>
      <c r="J82" s="15">
        <v>1229</v>
      </c>
      <c r="K82" s="15">
        <v>1155</v>
      </c>
      <c r="L82" s="15">
        <v>55</v>
      </c>
      <c r="M82" s="15">
        <v>19</v>
      </c>
      <c r="N82" s="15">
        <v>167</v>
      </c>
      <c r="O82" s="15">
        <v>619</v>
      </c>
      <c r="P82" s="15">
        <v>514</v>
      </c>
      <c r="Q82" s="15">
        <v>94</v>
      </c>
      <c r="R82" s="15">
        <v>55</v>
      </c>
      <c r="S82" s="15">
        <v>39</v>
      </c>
      <c r="T82" s="15">
        <v>0</v>
      </c>
      <c r="U82" s="15">
        <v>11</v>
      </c>
    </row>
    <row r="83" spans="1:21" ht="18.75" x14ac:dyDescent="0.15">
      <c r="A83" s="16" t="s">
        <v>89</v>
      </c>
      <c r="B83" s="16" t="s">
        <v>56</v>
      </c>
      <c r="C83" s="17">
        <v>2</v>
      </c>
      <c r="D83" s="45" t="s">
        <v>86</v>
      </c>
      <c r="E83" s="8">
        <v>4584</v>
      </c>
      <c r="F83" s="8">
        <v>4256</v>
      </c>
      <c r="G83" s="8">
        <v>3337</v>
      </c>
      <c r="H83" s="8">
        <v>235</v>
      </c>
      <c r="I83" s="8">
        <v>3102</v>
      </c>
      <c r="J83" s="8">
        <v>827</v>
      </c>
      <c r="K83" s="8">
        <v>769</v>
      </c>
      <c r="L83" s="8">
        <v>47</v>
      </c>
      <c r="M83" s="8">
        <v>11</v>
      </c>
      <c r="N83" s="8">
        <v>92</v>
      </c>
      <c r="O83" s="8">
        <v>328</v>
      </c>
      <c r="P83" s="8">
        <v>273</v>
      </c>
      <c r="Q83" s="8">
        <v>48</v>
      </c>
      <c r="R83" s="8">
        <v>24</v>
      </c>
      <c r="S83" s="8">
        <v>24</v>
      </c>
      <c r="T83" s="8">
        <v>0</v>
      </c>
      <c r="U83" s="8">
        <v>7</v>
      </c>
    </row>
    <row r="84" spans="1:21" ht="18.75" x14ac:dyDescent="0.15">
      <c r="A84" s="16" t="s">
        <v>89</v>
      </c>
      <c r="B84" s="16" t="s">
        <v>56</v>
      </c>
      <c r="C84" s="17">
        <v>3</v>
      </c>
      <c r="D84" s="45" t="s">
        <v>85</v>
      </c>
      <c r="E84" s="18">
        <v>4105</v>
      </c>
      <c r="F84" s="18">
        <v>3814</v>
      </c>
      <c r="G84" s="18">
        <v>3337</v>
      </c>
      <c r="H84" s="18">
        <v>205</v>
      </c>
      <c r="I84" s="18">
        <v>3132</v>
      </c>
      <c r="J84" s="18">
        <v>402</v>
      </c>
      <c r="K84" s="18">
        <v>386</v>
      </c>
      <c r="L84" s="18">
        <v>8</v>
      </c>
      <c r="M84" s="18">
        <v>8</v>
      </c>
      <c r="N84" s="18">
        <v>75</v>
      </c>
      <c r="O84" s="18">
        <v>291</v>
      </c>
      <c r="P84" s="18">
        <v>241</v>
      </c>
      <c r="Q84" s="18">
        <v>46</v>
      </c>
      <c r="R84" s="18">
        <v>31</v>
      </c>
      <c r="S84" s="18">
        <v>15</v>
      </c>
      <c r="T84" s="18">
        <v>0</v>
      </c>
      <c r="U84" s="18">
        <v>4</v>
      </c>
    </row>
    <row r="85" spans="1:21" ht="18.75" x14ac:dyDescent="0.15">
      <c r="A85" s="16" t="s">
        <v>89</v>
      </c>
      <c r="B85" s="16" t="s">
        <v>55</v>
      </c>
      <c r="C85" s="17">
        <v>1</v>
      </c>
      <c r="D85" s="46" t="s">
        <v>87</v>
      </c>
      <c r="E85" s="15">
        <v>6258</v>
      </c>
      <c r="F85" s="15">
        <v>5851</v>
      </c>
      <c r="G85" s="15">
        <v>5086</v>
      </c>
      <c r="H85" s="15">
        <v>418</v>
      </c>
      <c r="I85" s="15">
        <v>4668</v>
      </c>
      <c r="J85" s="15">
        <v>637</v>
      </c>
      <c r="K85" s="15">
        <v>571</v>
      </c>
      <c r="L85" s="15">
        <v>57</v>
      </c>
      <c r="M85" s="15">
        <v>9</v>
      </c>
      <c r="N85" s="15">
        <v>128</v>
      </c>
      <c r="O85" s="15">
        <v>407</v>
      </c>
      <c r="P85" s="15">
        <v>346</v>
      </c>
      <c r="Q85" s="15">
        <v>48</v>
      </c>
      <c r="R85" s="15">
        <v>21</v>
      </c>
      <c r="S85" s="15">
        <v>26</v>
      </c>
      <c r="T85" s="15">
        <v>1</v>
      </c>
      <c r="U85" s="15">
        <v>13</v>
      </c>
    </row>
    <row r="86" spans="1:21" ht="18.75" x14ac:dyDescent="0.15">
      <c r="A86" s="16" t="s">
        <v>89</v>
      </c>
      <c r="B86" s="16" t="s">
        <v>55</v>
      </c>
      <c r="C86" s="17">
        <v>2</v>
      </c>
      <c r="D86" s="45" t="s">
        <v>86</v>
      </c>
      <c r="E86" s="8">
        <v>3307</v>
      </c>
      <c r="F86" s="8">
        <v>3091</v>
      </c>
      <c r="G86" s="8">
        <v>2585</v>
      </c>
      <c r="H86" s="8">
        <v>218</v>
      </c>
      <c r="I86" s="8">
        <v>2367</v>
      </c>
      <c r="J86" s="8">
        <v>442</v>
      </c>
      <c r="K86" s="8">
        <v>385</v>
      </c>
      <c r="L86" s="8">
        <v>49</v>
      </c>
      <c r="M86" s="8">
        <v>8</v>
      </c>
      <c r="N86" s="8">
        <v>64</v>
      </c>
      <c r="O86" s="8">
        <v>216</v>
      </c>
      <c r="P86" s="8">
        <v>182</v>
      </c>
      <c r="Q86" s="8">
        <v>25</v>
      </c>
      <c r="R86" s="8">
        <v>11</v>
      </c>
      <c r="S86" s="8">
        <v>14</v>
      </c>
      <c r="T86" s="8">
        <v>0</v>
      </c>
      <c r="U86" s="8">
        <v>9</v>
      </c>
    </row>
    <row r="87" spans="1:21" ht="18.75" x14ac:dyDescent="0.15">
      <c r="A87" s="16" t="s">
        <v>89</v>
      </c>
      <c r="B87" s="16" t="s">
        <v>55</v>
      </c>
      <c r="C87" s="17">
        <v>3</v>
      </c>
      <c r="D87" s="45" t="s">
        <v>85</v>
      </c>
      <c r="E87" s="18">
        <v>2951</v>
      </c>
      <c r="F87" s="18">
        <v>2760</v>
      </c>
      <c r="G87" s="18">
        <v>2501</v>
      </c>
      <c r="H87" s="18">
        <v>200</v>
      </c>
      <c r="I87" s="18">
        <v>2301</v>
      </c>
      <c r="J87" s="18">
        <v>195</v>
      </c>
      <c r="K87" s="18">
        <v>186</v>
      </c>
      <c r="L87" s="18">
        <v>8</v>
      </c>
      <c r="M87" s="18">
        <v>1</v>
      </c>
      <c r="N87" s="18">
        <v>64</v>
      </c>
      <c r="O87" s="18">
        <v>191</v>
      </c>
      <c r="P87" s="18">
        <v>164</v>
      </c>
      <c r="Q87" s="18">
        <v>23</v>
      </c>
      <c r="R87" s="18">
        <v>10</v>
      </c>
      <c r="S87" s="18">
        <v>12</v>
      </c>
      <c r="T87" s="18">
        <v>1</v>
      </c>
      <c r="U87" s="18">
        <v>4</v>
      </c>
    </row>
    <row r="88" spans="1:21" ht="18.75" x14ac:dyDescent="0.15">
      <c r="A88" s="16" t="s">
        <v>89</v>
      </c>
      <c r="B88" s="16" t="s">
        <v>54</v>
      </c>
      <c r="C88" s="17">
        <v>1</v>
      </c>
      <c r="D88" s="46" t="s">
        <v>87</v>
      </c>
      <c r="E88" s="15">
        <v>6313</v>
      </c>
      <c r="F88" s="15">
        <v>5790</v>
      </c>
      <c r="G88" s="15">
        <v>5015</v>
      </c>
      <c r="H88" s="15">
        <v>359</v>
      </c>
      <c r="I88" s="15">
        <v>4656</v>
      </c>
      <c r="J88" s="15">
        <v>646</v>
      </c>
      <c r="K88" s="15">
        <v>582</v>
      </c>
      <c r="L88" s="15">
        <v>55</v>
      </c>
      <c r="M88" s="15">
        <v>9</v>
      </c>
      <c r="N88" s="15">
        <v>129</v>
      </c>
      <c r="O88" s="15">
        <v>523</v>
      </c>
      <c r="P88" s="15">
        <v>425</v>
      </c>
      <c r="Q88" s="15">
        <v>90</v>
      </c>
      <c r="R88" s="15">
        <v>51</v>
      </c>
      <c r="S88" s="15">
        <v>36</v>
      </c>
      <c r="T88" s="15">
        <v>3</v>
      </c>
      <c r="U88" s="15">
        <v>8</v>
      </c>
    </row>
    <row r="89" spans="1:21" ht="18.75" x14ac:dyDescent="0.15">
      <c r="A89" s="16" t="s">
        <v>89</v>
      </c>
      <c r="B89" s="16" t="s">
        <v>54</v>
      </c>
      <c r="C89" s="17">
        <v>2</v>
      </c>
      <c r="D89" s="45" t="s">
        <v>86</v>
      </c>
      <c r="E89" s="8">
        <v>3389</v>
      </c>
      <c r="F89" s="8">
        <v>3118</v>
      </c>
      <c r="G89" s="8">
        <v>2573</v>
      </c>
      <c r="H89" s="8">
        <v>196</v>
      </c>
      <c r="I89" s="8">
        <v>2377</v>
      </c>
      <c r="J89" s="8">
        <v>476</v>
      </c>
      <c r="K89" s="8">
        <v>422</v>
      </c>
      <c r="L89" s="8">
        <v>49</v>
      </c>
      <c r="M89" s="8">
        <v>5</v>
      </c>
      <c r="N89" s="8">
        <v>69</v>
      </c>
      <c r="O89" s="8">
        <v>271</v>
      </c>
      <c r="P89" s="8">
        <v>227</v>
      </c>
      <c r="Q89" s="8">
        <v>39</v>
      </c>
      <c r="R89" s="8">
        <v>19</v>
      </c>
      <c r="S89" s="8">
        <v>18</v>
      </c>
      <c r="T89" s="8">
        <v>2</v>
      </c>
      <c r="U89" s="8">
        <v>5</v>
      </c>
    </row>
    <row r="90" spans="1:21" ht="18.75" x14ac:dyDescent="0.15">
      <c r="A90" s="16" t="s">
        <v>89</v>
      </c>
      <c r="B90" s="16" t="s">
        <v>54</v>
      </c>
      <c r="C90" s="17">
        <v>3</v>
      </c>
      <c r="D90" s="45" t="s">
        <v>85</v>
      </c>
      <c r="E90" s="18">
        <v>2924</v>
      </c>
      <c r="F90" s="18">
        <v>2672</v>
      </c>
      <c r="G90" s="18">
        <v>2442</v>
      </c>
      <c r="H90" s="18">
        <v>163</v>
      </c>
      <c r="I90" s="18">
        <v>2279</v>
      </c>
      <c r="J90" s="18">
        <v>170</v>
      </c>
      <c r="K90" s="18">
        <v>160</v>
      </c>
      <c r="L90" s="18">
        <v>6</v>
      </c>
      <c r="M90" s="18">
        <v>4</v>
      </c>
      <c r="N90" s="18">
        <v>60</v>
      </c>
      <c r="O90" s="18">
        <v>252</v>
      </c>
      <c r="P90" s="18">
        <v>198</v>
      </c>
      <c r="Q90" s="18">
        <v>51</v>
      </c>
      <c r="R90" s="18">
        <v>32</v>
      </c>
      <c r="S90" s="18">
        <v>18</v>
      </c>
      <c r="T90" s="18">
        <v>1</v>
      </c>
      <c r="U90" s="18">
        <v>3</v>
      </c>
    </row>
    <row r="91" spans="1:21" ht="18.75" x14ac:dyDescent="0.15">
      <c r="A91" s="16" t="s">
        <v>89</v>
      </c>
      <c r="B91" s="16" t="s">
        <v>53</v>
      </c>
      <c r="C91" s="17">
        <v>1</v>
      </c>
      <c r="D91" s="46" t="s">
        <v>87</v>
      </c>
      <c r="E91" s="15">
        <v>3067</v>
      </c>
      <c r="F91" s="15">
        <v>2858</v>
      </c>
      <c r="G91" s="15">
        <v>2481</v>
      </c>
      <c r="H91" s="15">
        <v>283</v>
      </c>
      <c r="I91" s="15">
        <v>2198</v>
      </c>
      <c r="J91" s="15">
        <v>276</v>
      </c>
      <c r="K91" s="15">
        <v>246</v>
      </c>
      <c r="L91" s="15">
        <v>18</v>
      </c>
      <c r="M91" s="15">
        <v>12</v>
      </c>
      <c r="N91" s="15">
        <v>101</v>
      </c>
      <c r="O91" s="15">
        <v>209</v>
      </c>
      <c r="P91" s="15">
        <v>174</v>
      </c>
      <c r="Q91" s="15">
        <v>32</v>
      </c>
      <c r="R91" s="15">
        <v>23</v>
      </c>
      <c r="S91" s="15">
        <v>8</v>
      </c>
      <c r="T91" s="15">
        <v>1</v>
      </c>
      <c r="U91" s="15">
        <v>3</v>
      </c>
    </row>
    <row r="92" spans="1:21" ht="18.75" x14ac:dyDescent="0.15">
      <c r="A92" s="16" t="s">
        <v>89</v>
      </c>
      <c r="B92" s="16" t="s">
        <v>53</v>
      </c>
      <c r="C92" s="17">
        <v>2</v>
      </c>
      <c r="D92" s="45" t="s">
        <v>86</v>
      </c>
      <c r="E92" s="8">
        <v>1687</v>
      </c>
      <c r="F92" s="8">
        <v>1593</v>
      </c>
      <c r="G92" s="8">
        <v>1347</v>
      </c>
      <c r="H92" s="8">
        <v>168</v>
      </c>
      <c r="I92" s="8">
        <v>1179</v>
      </c>
      <c r="J92" s="8">
        <v>189</v>
      </c>
      <c r="K92" s="8">
        <v>171</v>
      </c>
      <c r="L92" s="8">
        <v>12</v>
      </c>
      <c r="M92" s="8">
        <v>6</v>
      </c>
      <c r="N92" s="8">
        <v>57</v>
      </c>
      <c r="O92" s="8">
        <v>94</v>
      </c>
      <c r="P92" s="8">
        <v>79</v>
      </c>
      <c r="Q92" s="8">
        <v>13</v>
      </c>
      <c r="R92" s="8">
        <v>10</v>
      </c>
      <c r="S92" s="8">
        <v>3</v>
      </c>
      <c r="T92" s="8">
        <v>0</v>
      </c>
      <c r="U92" s="8">
        <v>2</v>
      </c>
    </row>
    <row r="93" spans="1:21" ht="18.75" x14ac:dyDescent="0.15">
      <c r="A93" s="16" t="s">
        <v>89</v>
      </c>
      <c r="B93" s="16" t="s">
        <v>53</v>
      </c>
      <c r="C93" s="17">
        <v>3</v>
      </c>
      <c r="D93" s="45" t="s">
        <v>85</v>
      </c>
      <c r="E93" s="18">
        <v>1380</v>
      </c>
      <c r="F93" s="18">
        <v>1265</v>
      </c>
      <c r="G93" s="18">
        <v>1134</v>
      </c>
      <c r="H93" s="18">
        <v>115</v>
      </c>
      <c r="I93" s="18">
        <v>1019</v>
      </c>
      <c r="J93" s="18">
        <v>87</v>
      </c>
      <c r="K93" s="18">
        <v>75</v>
      </c>
      <c r="L93" s="18">
        <v>6</v>
      </c>
      <c r="M93" s="18">
        <v>6</v>
      </c>
      <c r="N93" s="18">
        <v>44</v>
      </c>
      <c r="O93" s="18">
        <v>115</v>
      </c>
      <c r="P93" s="18">
        <v>95</v>
      </c>
      <c r="Q93" s="18">
        <v>19</v>
      </c>
      <c r="R93" s="18">
        <v>13</v>
      </c>
      <c r="S93" s="18">
        <v>5</v>
      </c>
      <c r="T93" s="18">
        <v>1</v>
      </c>
      <c r="U93" s="18">
        <v>1</v>
      </c>
    </row>
    <row r="94" spans="1:21" ht="18.75" x14ac:dyDescent="0.15">
      <c r="A94" s="16" t="s">
        <v>89</v>
      </c>
      <c r="B94" s="16" t="s">
        <v>52</v>
      </c>
      <c r="C94" s="17">
        <v>1</v>
      </c>
      <c r="D94" s="46" t="s">
        <v>87</v>
      </c>
      <c r="E94" s="15">
        <v>7639</v>
      </c>
      <c r="F94" s="15">
        <v>7180</v>
      </c>
      <c r="G94" s="15">
        <v>6415</v>
      </c>
      <c r="H94" s="15">
        <v>479</v>
      </c>
      <c r="I94" s="15">
        <v>5936</v>
      </c>
      <c r="J94" s="15">
        <v>605</v>
      </c>
      <c r="K94" s="15">
        <v>513</v>
      </c>
      <c r="L94" s="15">
        <v>75</v>
      </c>
      <c r="M94" s="15">
        <v>17</v>
      </c>
      <c r="N94" s="15">
        <v>160</v>
      </c>
      <c r="O94" s="15">
        <v>459</v>
      </c>
      <c r="P94" s="15">
        <v>414</v>
      </c>
      <c r="Q94" s="15">
        <v>39</v>
      </c>
      <c r="R94" s="15">
        <v>21</v>
      </c>
      <c r="S94" s="15">
        <v>16</v>
      </c>
      <c r="T94" s="15">
        <v>2</v>
      </c>
      <c r="U94" s="15">
        <v>6</v>
      </c>
    </row>
    <row r="95" spans="1:21" ht="18.75" x14ac:dyDescent="0.15">
      <c r="A95" s="16" t="s">
        <v>89</v>
      </c>
      <c r="B95" s="16" t="s">
        <v>52</v>
      </c>
      <c r="C95" s="17">
        <v>2</v>
      </c>
      <c r="D95" s="45" t="s">
        <v>86</v>
      </c>
      <c r="E95" s="8">
        <v>4145</v>
      </c>
      <c r="F95" s="8">
        <v>3933</v>
      </c>
      <c r="G95" s="8">
        <v>3389</v>
      </c>
      <c r="H95" s="8">
        <v>268</v>
      </c>
      <c r="I95" s="8">
        <v>3121</v>
      </c>
      <c r="J95" s="8">
        <v>453</v>
      </c>
      <c r="K95" s="8">
        <v>380</v>
      </c>
      <c r="L95" s="8">
        <v>61</v>
      </c>
      <c r="M95" s="8">
        <v>12</v>
      </c>
      <c r="N95" s="8">
        <v>91</v>
      </c>
      <c r="O95" s="8">
        <v>212</v>
      </c>
      <c r="P95" s="8">
        <v>186</v>
      </c>
      <c r="Q95" s="8">
        <v>21</v>
      </c>
      <c r="R95" s="8">
        <v>12</v>
      </c>
      <c r="S95" s="8">
        <v>9</v>
      </c>
      <c r="T95" s="8">
        <v>0</v>
      </c>
      <c r="U95" s="8">
        <v>5</v>
      </c>
    </row>
    <row r="96" spans="1:21" ht="18.75" x14ac:dyDescent="0.15">
      <c r="A96" s="16" t="s">
        <v>89</v>
      </c>
      <c r="B96" s="16" t="s">
        <v>52</v>
      </c>
      <c r="C96" s="17">
        <v>3</v>
      </c>
      <c r="D96" s="45" t="s">
        <v>85</v>
      </c>
      <c r="E96" s="18">
        <v>3494</v>
      </c>
      <c r="F96" s="18">
        <v>3247</v>
      </c>
      <c r="G96" s="18">
        <v>3026</v>
      </c>
      <c r="H96" s="18">
        <v>211</v>
      </c>
      <c r="I96" s="18">
        <v>2815</v>
      </c>
      <c r="J96" s="18">
        <v>152</v>
      </c>
      <c r="K96" s="18">
        <v>133</v>
      </c>
      <c r="L96" s="18">
        <v>14</v>
      </c>
      <c r="M96" s="18">
        <v>5</v>
      </c>
      <c r="N96" s="18">
        <v>69</v>
      </c>
      <c r="O96" s="18">
        <v>247</v>
      </c>
      <c r="P96" s="18">
        <v>228</v>
      </c>
      <c r="Q96" s="18">
        <v>18</v>
      </c>
      <c r="R96" s="18">
        <v>9</v>
      </c>
      <c r="S96" s="18">
        <v>7</v>
      </c>
      <c r="T96" s="18">
        <v>2</v>
      </c>
      <c r="U96" s="18">
        <v>1</v>
      </c>
    </row>
    <row r="97" spans="1:21" ht="18.75" x14ac:dyDescent="0.15">
      <c r="A97" s="16" t="s">
        <v>89</v>
      </c>
      <c r="B97" s="16" t="s">
        <v>51</v>
      </c>
      <c r="C97" s="17">
        <v>1</v>
      </c>
      <c r="D97" s="46" t="s">
        <v>87</v>
      </c>
      <c r="E97" s="15">
        <v>3140</v>
      </c>
      <c r="F97" s="15">
        <v>2983</v>
      </c>
      <c r="G97" s="15">
        <v>2721</v>
      </c>
      <c r="H97" s="15">
        <v>245</v>
      </c>
      <c r="I97" s="15">
        <v>2476</v>
      </c>
      <c r="J97" s="15">
        <v>228</v>
      </c>
      <c r="K97" s="15">
        <v>204</v>
      </c>
      <c r="L97" s="15">
        <v>20</v>
      </c>
      <c r="M97" s="15">
        <v>4</v>
      </c>
      <c r="N97" s="15">
        <v>34</v>
      </c>
      <c r="O97" s="15">
        <v>157</v>
      </c>
      <c r="P97" s="15">
        <v>139</v>
      </c>
      <c r="Q97" s="15">
        <v>14</v>
      </c>
      <c r="R97" s="15">
        <v>6</v>
      </c>
      <c r="S97" s="15">
        <v>7</v>
      </c>
      <c r="T97" s="15">
        <v>1</v>
      </c>
      <c r="U97" s="15">
        <v>4</v>
      </c>
    </row>
    <row r="98" spans="1:21" ht="18.75" x14ac:dyDescent="0.15">
      <c r="A98" s="16" t="s">
        <v>89</v>
      </c>
      <c r="B98" s="16" t="s">
        <v>51</v>
      </c>
      <c r="C98" s="17">
        <v>2</v>
      </c>
      <c r="D98" s="45" t="s">
        <v>86</v>
      </c>
      <c r="E98" s="8">
        <v>1707</v>
      </c>
      <c r="F98" s="8">
        <v>1629</v>
      </c>
      <c r="G98" s="8">
        <v>1443</v>
      </c>
      <c r="H98" s="8">
        <v>143</v>
      </c>
      <c r="I98" s="8">
        <v>1300</v>
      </c>
      <c r="J98" s="8">
        <v>163</v>
      </c>
      <c r="K98" s="8">
        <v>142</v>
      </c>
      <c r="L98" s="8">
        <v>17</v>
      </c>
      <c r="M98" s="8">
        <v>4</v>
      </c>
      <c r="N98" s="8">
        <v>23</v>
      </c>
      <c r="O98" s="8">
        <v>78</v>
      </c>
      <c r="P98" s="8">
        <v>74</v>
      </c>
      <c r="Q98" s="8">
        <v>3</v>
      </c>
      <c r="R98" s="8">
        <v>1</v>
      </c>
      <c r="S98" s="8">
        <v>2</v>
      </c>
      <c r="T98" s="8">
        <v>0</v>
      </c>
      <c r="U98" s="8">
        <v>1</v>
      </c>
    </row>
    <row r="99" spans="1:21" ht="18.75" x14ac:dyDescent="0.15">
      <c r="A99" s="16" t="s">
        <v>89</v>
      </c>
      <c r="B99" s="16" t="s">
        <v>51</v>
      </c>
      <c r="C99" s="17">
        <v>3</v>
      </c>
      <c r="D99" s="45" t="s">
        <v>85</v>
      </c>
      <c r="E99" s="18">
        <v>1433</v>
      </c>
      <c r="F99" s="18">
        <v>1354</v>
      </c>
      <c r="G99" s="18">
        <v>1278</v>
      </c>
      <c r="H99" s="18">
        <v>102</v>
      </c>
      <c r="I99" s="18">
        <v>1176</v>
      </c>
      <c r="J99" s="18">
        <v>65</v>
      </c>
      <c r="K99" s="18">
        <v>62</v>
      </c>
      <c r="L99" s="18">
        <v>3</v>
      </c>
      <c r="M99" s="18">
        <v>0</v>
      </c>
      <c r="N99" s="18">
        <v>11</v>
      </c>
      <c r="O99" s="18">
        <v>79</v>
      </c>
      <c r="P99" s="18">
        <v>65</v>
      </c>
      <c r="Q99" s="18">
        <v>11</v>
      </c>
      <c r="R99" s="18">
        <v>5</v>
      </c>
      <c r="S99" s="18">
        <v>5</v>
      </c>
      <c r="T99" s="18">
        <v>1</v>
      </c>
      <c r="U99" s="18">
        <v>3</v>
      </c>
    </row>
    <row r="100" spans="1:21" ht="18.75" x14ac:dyDescent="0.15">
      <c r="A100" s="16" t="s">
        <v>89</v>
      </c>
      <c r="B100" s="16" t="s">
        <v>50</v>
      </c>
      <c r="C100" s="17">
        <v>1</v>
      </c>
      <c r="D100" s="46" t="s">
        <v>87</v>
      </c>
      <c r="E100" s="15">
        <v>3886</v>
      </c>
      <c r="F100" s="15">
        <v>3536</v>
      </c>
      <c r="G100" s="15">
        <v>3188</v>
      </c>
      <c r="H100" s="15">
        <v>366</v>
      </c>
      <c r="I100" s="15">
        <v>2822</v>
      </c>
      <c r="J100" s="15">
        <v>268</v>
      </c>
      <c r="K100" s="15">
        <v>224</v>
      </c>
      <c r="L100" s="15">
        <v>38</v>
      </c>
      <c r="M100" s="15">
        <v>6</v>
      </c>
      <c r="N100" s="15">
        <v>80</v>
      </c>
      <c r="O100" s="15">
        <v>350</v>
      </c>
      <c r="P100" s="15">
        <v>320</v>
      </c>
      <c r="Q100" s="15">
        <v>27</v>
      </c>
      <c r="R100" s="15">
        <v>9</v>
      </c>
      <c r="S100" s="15">
        <v>17</v>
      </c>
      <c r="T100" s="15">
        <v>1</v>
      </c>
      <c r="U100" s="15">
        <v>3</v>
      </c>
    </row>
    <row r="101" spans="1:21" ht="18.75" x14ac:dyDescent="0.15">
      <c r="A101" s="16" t="s">
        <v>89</v>
      </c>
      <c r="B101" s="16" t="s">
        <v>50</v>
      </c>
      <c r="C101" s="17">
        <v>2</v>
      </c>
      <c r="D101" s="45" t="s">
        <v>86</v>
      </c>
      <c r="E101" s="8">
        <v>2087</v>
      </c>
      <c r="F101" s="8">
        <v>1913</v>
      </c>
      <c r="G101" s="8">
        <v>1678</v>
      </c>
      <c r="H101" s="8">
        <v>227</v>
      </c>
      <c r="I101" s="8">
        <v>1451</v>
      </c>
      <c r="J101" s="8">
        <v>197</v>
      </c>
      <c r="K101" s="8">
        <v>162</v>
      </c>
      <c r="L101" s="8">
        <v>31</v>
      </c>
      <c r="M101" s="8">
        <v>4</v>
      </c>
      <c r="N101" s="8">
        <v>38</v>
      </c>
      <c r="O101" s="8">
        <v>174</v>
      </c>
      <c r="P101" s="8">
        <v>161</v>
      </c>
      <c r="Q101" s="8">
        <v>12</v>
      </c>
      <c r="R101" s="8">
        <v>5</v>
      </c>
      <c r="S101" s="8">
        <v>7</v>
      </c>
      <c r="T101" s="8">
        <v>0</v>
      </c>
      <c r="U101" s="8">
        <v>1</v>
      </c>
    </row>
    <row r="102" spans="1:21" ht="18.75" x14ac:dyDescent="0.15">
      <c r="A102" s="16" t="s">
        <v>89</v>
      </c>
      <c r="B102" s="16" t="s">
        <v>50</v>
      </c>
      <c r="C102" s="17">
        <v>3</v>
      </c>
      <c r="D102" s="45" t="s">
        <v>85</v>
      </c>
      <c r="E102" s="18">
        <v>1799</v>
      </c>
      <c r="F102" s="18">
        <v>1623</v>
      </c>
      <c r="G102" s="18">
        <v>1510</v>
      </c>
      <c r="H102" s="18">
        <v>139</v>
      </c>
      <c r="I102" s="18">
        <v>1371</v>
      </c>
      <c r="J102" s="18">
        <v>71</v>
      </c>
      <c r="K102" s="18">
        <v>62</v>
      </c>
      <c r="L102" s="18">
        <v>7</v>
      </c>
      <c r="M102" s="18">
        <v>2</v>
      </c>
      <c r="N102" s="18">
        <v>42</v>
      </c>
      <c r="O102" s="18">
        <v>176</v>
      </c>
      <c r="P102" s="18">
        <v>159</v>
      </c>
      <c r="Q102" s="18">
        <v>15</v>
      </c>
      <c r="R102" s="18">
        <v>4</v>
      </c>
      <c r="S102" s="18">
        <v>10</v>
      </c>
      <c r="T102" s="18">
        <v>1</v>
      </c>
      <c r="U102" s="18">
        <v>2</v>
      </c>
    </row>
    <row r="103" spans="1:21" ht="18.75" x14ac:dyDescent="0.15">
      <c r="A103" s="16" t="s">
        <v>89</v>
      </c>
      <c r="B103" s="16" t="s">
        <v>49</v>
      </c>
      <c r="C103" s="17">
        <v>1</v>
      </c>
      <c r="D103" s="46" t="s">
        <v>87</v>
      </c>
      <c r="E103" s="15">
        <v>3334</v>
      </c>
      <c r="F103" s="15">
        <v>3073</v>
      </c>
      <c r="G103" s="15">
        <v>2739</v>
      </c>
      <c r="H103" s="15">
        <v>318</v>
      </c>
      <c r="I103" s="15">
        <v>2421</v>
      </c>
      <c r="J103" s="15">
        <v>249</v>
      </c>
      <c r="K103" s="15">
        <v>223</v>
      </c>
      <c r="L103" s="15">
        <v>18</v>
      </c>
      <c r="M103" s="15">
        <v>8</v>
      </c>
      <c r="N103" s="15">
        <v>85</v>
      </c>
      <c r="O103" s="15">
        <v>261</v>
      </c>
      <c r="P103" s="15">
        <v>224</v>
      </c>
      <c r="Q103" s="15">
        <v>30</v>
      </c>
      <c r="R103" s="15">
        <v>24</v>
      </c>
      <c r="S103" s="15">
        <v>5</v>
      </c>
      <c r="T103" s="15">
        <v>1</v>
      </c>
      <c r="U103" s="15">
        <v>7</v>
      </c>
    </row>
    <row r="104" spans="1:21" ht="18.75" x14ac:dyDescent="0.15">
      <c r="A104" s="16" t="s">
        <v>89</v>
      </c>
      <c r="B104" s="16" t="s">
        <v>49</v>
      </c>
      <c r="C104" s="17">
        <v>2</v>
      </c>
      <c r="D104" s="45" t="s">
        <v>86</v>
      </c>
      <c r="E104" s="8">
        <v>1779</v>
      </c>
      <c r="F104" s="8">
        <v>1637</v>
      </c>
      <c r="G104" s="8">
        <v>1416</v>
      </c>
      <c r="H104" s="8">
        <v>174</v>
      </c>
      <c r="I104" s="8">
        <v>1242</v>
      </c>
      <c r="J104" s="8">
        <v>175</v>
      </c>
      <c r="K104" s="8">
        <v>152</v>
      </c>
      <c r="L104" s="8">
        <v>16</v>
      </c>
      <c r="M104" s="8">
        <v>7</v>
      </c>
      <c r="N104" s="8">
        <v>46</v>
      </c>
      <c r="O104" s="8">
        <v>142</v>
      </c>
      <c r="P104" s="8">
        <v>127</v>
      </c>
      <c r="Q104" s="8">
        <v>12</v>
      </c>
      <c r="R104" s="8">
        <v>8</v>
      </c>
      <c r="S104" s="8">
        <v>3</v>
      </c>
      <c r="T104" s="8">
        <v>1</v>
      </c>
      <c r="U104" s="8">
        <v>3</v>
      </c>
    </row>
    <row r="105" spans="1:21" ht="18.75" x14ac:dyDescent="0.15">
      <c r="A105" s="16" t="s">
        <v>89</v>
      </c>
      <c r="B105" s="16" t="s">
        <v>49</v>
      </c>
      <c r="C105" s="17">
        <v>3</v>
      </c>
      <c r="D105" s="45" t="s">
        <v>85</v>
      </c>
      <c r="E105" s="18">
        <v>1555</v>
      </c>
      <c r="F105" s="18">
        <v>1436</v>
      </c>
      <c r="G105" s="18">
        <v>1323</v>
      </c>
      <c r="H105" s="18">
        <v>144</v>
      </c>
      <c r="I105" s="18">
        <v>1179</v>
      </c>
      <c r="J105" s="18">
        <v>74</v>
      </c>
      <c r="K105" s="18">
        <v>71</v>
      </c>
      <c r="L105" s="18">
        <v>2</v>
      </c>
      <c r="M105" s="18">
        <v>1</v>
      </c>
      <c r="N105" s="18">
        <v>39</v>
      </c>
      <c r="O105" s="18">
        <v>119</v>
      </c>
      <c r="P105" s="18">
        <v>97</v>
      </c>
      <c r="Q105" s="18">
        <v>18</v>
      </c>
      <c r="R105" s="18">
        <v>16</v>
      </c>
      <c r="S105" s="18">
        <v>2</v>
      </c>
      <c r="T105" s="18">
        <v>0</v>
      </c>
      <c r="U105" s="18">
        <v>4</v>
      </c>
    </row>
    <row r="106" spans="1:21" ht="18.75" x14ac:dyDescent="0.15">
      <c r="A106" s="16" t="s">
        <v>89</v>
      </c>
      <c r="B106" s="16" t="s">
        <v>48</v>
      </c>
      <c r="C106" s="17">
        <v>1</v>
      </c>
      <c r="D106" s="46" t="s">
        <v>87</v>
      </c>
      <c r="E106" s="15">
        <v>1857</v>
      </c>
      <c r="F106" s="15">
        <v>1699</v>
      </c>
      <c r="G106" s="15">
        <v>1395</v>
      </c>
      <c r="H106" s="15">
        <v>122</v>
      </c>
      <c r="I106" s="15">
        <v>1273</v>
      </c>
      <c r="J106" s="15">
        <v>259</v>
      </c>
      <c r="K106" s="15">
        <v>239</v>
      </c>
      <c r="L106" s="15">
        <v>17</v>
      </c>
      <c r="M106" s="15">
        <v>3</v>
      </c>
      <c r="N106" s="15">
        <v>45</v>
      </c>
      <c r="O106" s="15">
        <v>158</v>
      </c>
      <c r="P106" s="15">
        <v>134</v>
      </c>
      <c r="Q106" s="15">
        <v>19</v>
      </c>
      <c r="R106" s="15">
        <v>9</v>
      </c>
      <c r="S106" s="15">
        <v>10</v>
      </c>
      <c r="T106" s="15">
        <v>0</v>
      </c>
      <c r="U106" s="15">
        <v>5</v>
      </c>
    </row>
    <row r="107" spans="1:21" ht="18.75" x14ac:dyDescent="0.15">
      <c r="A107" s="16" t="s">
        <v>89</v>
      </c>
      <c r="B107" s="16" t="s">
        <v>48</v>
      </c>
      <c r="C107" s="17">
        <v>2</v>
      </c>
      <c r="D107" s="45" t="s">
        <v>86</v>
      </c>
      <c r="E107" s="8">
        <v>995</v>
      </c>
      <c r="F107" s="8">
        <v>917</v>
      </c>
      <c r="G107" s="8">
        <v>708</v>
      </c>
      <c r="H107" s="8">
        <v>76</v>
      </c>
      <c r="I107" s="8">
        <v>632</v>
      </c>
      <c r="J107" s="8">
        <v>183</v>
      </c>
      <c r="K107" s="8">
        <v>168</v>
      </c>
      <c r="L107" s="8">
        <v>12</v>
      </c>
      <c r="M107" s="8">
        <v>3</v>
      </c>
      <c r="N107" s="8">
        <v>26</v>
      </c>
      <c r="O107" s="8">
        <v>78</v>
      </c>
      <c r="P107" s="8">
        <v>69</v>
      </c>
      <c r="Q107" s="8">
        <v>6</v>
      </c>
      <c r="R107" s="8">
        <v>4</v>
      </c>
      <c r="S107" s="8">
        <v>2</v>
      </c>
      <c r="T107" s="8">
        <v>0</v>
      </c>
      <c r="U107" s="8">
        <v>3</v>
      </c>
    </row>
    <row r="108" spans="1:21" ht="18.75" x14ac:dyDescent="0.15">
      <c r="A108" s="16" t="s">
        <v>89</v>
      </c>
      <c r="B108" s="16" t="s">
        <v>48</v>
      </c>
      <c r="C108" s="17">
        <v>3</v>
      </c>
      <c r="D108" s="45" t="s">
        <v>85</v>
      </c>
      <c r="E108" s="18">
        <v>862</v>
      </c>
      <c r="F108" s="18">
        <v>782</v>
      </c>
      <c r="G108" s="18">
        <v>687</v>
      </c>
      <c r="H108" s="18">
        <v>46</v>
      </c>
      <c r="I108" s="18">
        <v>641</v>
      </c>
      <c r="J108" s="18">
        <v>76</v>
      </c>
      <c r="K108" s="18">
        <v>71</v>
      </c>
      <c r="L108" s="18">
        <v>5</v>
      </c>
      <c r="M108" s="18">
        <v>0</v>
      </c>
      <c r="N108" s="18">
        <v>19</v>
      </c>
      <c r="O108" s="18">
        <v>80</v>
      </c>
      <c r="P108" s="18">
        <v>65</v>
      </c>
      <c r="Q108" s="18">
        <v>13</v>
      </c>
      <c r="R108" s="18">
        <v>5</v>
      </c>
      <c r="S108" s="18">
        <v>8</v>
      </c>
      <c r="T108" s="18">
        <v>0</v>
      </c>
      <c r="U108" s="18">
        <v>2</v>
      </c>
    </row>
    <row r="109" spans="1:21" ht="18.75" x14ac:dyDescent="0.15">
      <c r="A109" s="16" t="s">
        <v>89</v>
      </c>
      <c r="B109" s="16" t="s">
        <v>47</v>
      </c>
      <c r="C109" s="17">
        <v>1</v>
      </c>
      <c r="D109" s="46" t="s">
        <v>87</v>
      </c>
      <c r="E109" s="15">
        <v>1202</v>
      </c>
      <c r="F109" s="15">
        <v>1132</v>
      </c>
      <c r="G109" s="15">
        <v>950</v>
      </c>
      <c r="H109" s="15">
        <v>113</v>
      </c>
      <c r="I109" s="15">
        <v>837</v>
      </c>
      <c r="J109" s="15">
        <v>132</v>
      </c>
      <c r="K109" s="15">
        <v>114</v>
      </c>
      <c r="L109" s="15">
        <v>14</v>
      </c>
      <c r="M109" s="15">
        <v>4</v>
      </c>
      <c r="N109" s="15">
        <v>50</v>
      </c>
      <c r="O109" s="15">
        <v>70</v>
      </c>
      <c r="P109" s="15">
        <v>62</v>
      </c>
      <c r="Q109" s="15">
        <v>7</v>
      </c>
      <c r="R109" s="15">
        <v>4</v>
      </c>
      <c r="S109" s="15">
        <v>2</v>
      </c>
      <c r="T109" s="15">
        <v>1</v>
      </c>
      <c r="U109" s="15">
        <v>1</v>
      </c>
    </row>
    <row r="110" spans="1:21" ht="18.75" x14ac:dyDescent="0.15">
      <c r="A110" s="16" t="s">
        <v>89</v>
      </c>
      <c r="B110" s="16" t="s">
        <v>47</v>
      </c>
      <c r="C110" s="17">
        <v>2</v>
      </c>
      <c r="D110" s="45" t="s">
        <v>86</v>
      </c>
      <c r="E110" s="8">
        <v>665</v>
      </c>
      <c r="F110" s="8">
        <v>627</v>
      </c>
      <c r="G110" s="8">
        <v>509</v>
      </c>
      <c r="H110" s="8">
        <v>72</v>
      </c>
      <c r="I110" s="8">
        <v>437</v>
      </c>
      <c r="J110" s="8">
        <v>89</v>
      </c>
      <c r="K110" s="8">
        <v>74</v>
      </c>
      <c r="L110" s="8">
        <v>14</v>
      </c>
      <c r="M110" s="8">
        <v>1</v>
      </c>
      <c r="N110" s="8">
        <v>29</v>
      </c>
      <c r="O110" s="8">
        <v>38</v>
      </c>
      <c r="P110" s="8">
        <v>34</v>
      </c>
      <c r="Q110" s="8">
        <v>4</v>
      </c>
      <c r="R110" s="8">
        <v>3</v>
      </c>
      <c r="S110" s="8">
        <v>1</v>
      </c>
      <c r="T110" s="8">
        <v>0</v>
      </c>
      <c r="U110" s="8">
        <v>0</v>
      </c>
    </row>
    <row r="111" spans="1:21" ht="18.75" x14ac:dyDescent="0.15">
      <c r="A111" s="16" t="s">
        <v>89</v>
      </c>
      <c r="B111" s="16" t="s">
        <v>47</v>
      </c>
      <c r="C111" s="17">
        <v>3</v>
      </c>
      <c r="D111" s="45" t="s">
        <v>85</v>
      </c>
      <c r="E111" s="18">
        <v>537</v>
      </c>
      <c r="F111" s="18">
        <v>505</v>
      </c>
      <c r="G111" s="18">
        <v>441</v>
      </c>
      <c r="H111" s="18">
        <v>41</v>
      </c>
      <c r="I111" s="18">
        <v>400</v>
      </c>
      <c r="J111" s="18">
        <v>43</v>
      </c>
      <c r="K111" s="18">
        <v>40</v>
      </c>
      <c r="L111" s="18">
        <v>0</v>
      </c>
      <c r="M111" s="18">
        <v>3</v>
      </c>
      <c r="N111" s="18">
        <v>21</v>
      </c>
      <c r="O111" s="18">
        <v>32</v>
      </c>
      <c r="P111" s="18">
        <v>28</v>
      </c>
      <c r="Q111" s="18">
        <v>3</v>
      </c>
      <c r="R111" s="18">
        <v>1</v>
      </c>
      <c r="S111" s="18">
        <v>1</v>
      </c>
      <c r="T111" s="18">
        <v>1</v>
      </c>
      <c r="U111" s="18">
        <v>1</v>
      </c>
    </row>
    <row r="112" spans="1:21" ht="18.75" x14ac:dyDescent="0.15">
      <c r="A112" s="16" t="s">
        <v>89</v>
      </c>
      <c r="B112" s="16" t="s">
        <v>46</v>
      </c>
      <c r="C112" s="17">
        <v>1</v>
      </c>
      <c r="D112" s="46" t="s">
        <v>87</v>
      </c>
      <c r="E112" s="15">
        <v>1639</v>
      </c>
      <c r="F112" s="15">
        <v>1514</v>
      </c>
      <c r="G112" s="15">
        <v>1277</v>
      </c>
      <c r="H112" s="15">
        <v>115</v>
      </c>
      <c r="I112" s="15">
        <v>1162</v>
      </c>
      <c r="J112" s="15">
        <v>206</v>
      </c>
      <c r="K112" s="15">
        <v>186</v>
      </c>
      <c r="L112" s="15">
        <v>20</v>
      </c>
      <c r="M112" s="15">
        <v>0</v>
      </c>
      <c r="N112" s="15">
        <v>31</v>
      </c>
      <c r="O112" s="15">
        <v>125</v>
      </c>
      <c r="P112" s="15">
        <v>107</v>
      </c>
      <c r="Q112" s="15">
        <v>13</v>
      </c>
      <c r="R112" s="15">
        <v>8</v>
      </c>
      <c r="S112" s="15">
        <v>5</v>
      </c>
      <c r="T112" s="15">
        <v>0</v>
      </c>
      <c r="U112" s="15">
        <v>5</v>
      </c>
    </row>
    <row r="113" spans="1:21" ht="18.75" x14ac:dyDescent="0.15">
      <c r="A113" s="16" t="s">
        <v>89</v>
      </c>
      <c r="B113" s="16" t="s">
        <v>46</v>
      </c>
      <c r="C113" s="17">
        <v>2</v>
      </c>
      <c r="D113" s="45" t="s">
        <v>86</v>
      </c>
      <c r="E113" s="8">
        <v>919</v>
      </c>
      <c r="F113" s="8">
        <v>861</v>
      </c>
      <c r="G113" s="8">
        <v>679</v>
      </c>
      <c r="H113" s="8">
        <v>69</v>
      </c>
      <c r="I113" s="8">
        <v>610</v>
      </c>
      <c r="J113" s="8">
        <v>161</v>
      </c>
      <c r="K113" s="8">
        <v>144</v>
      </c>
      <c r="L113" s="8">
        <v>17</v>
      </c>
      <c r="M113" s="8">
        <v>0</v>
      </c>
      <c r="N113" s="8">
        <v>21</v>
      </c>
      <c r="O113" s="8">
        <v>58</v>
      </c>
      <c r="P113" s="8">
        <v>51</v>
      </c>
      <c r="Q113" s="8">
        <v>5</v>
      </c>
      <c r="R113" s="8">
        <v>4</v>
      </c>
      <c r="S113" s="8">
        <v>1</v>
      </c>
      <c r="T113" s="8">
        <v>0</v>
      </c>
      <c r="U113" s="8">
        <v>2</v>
      </c>
    </row>
    <row r="114" spans="1:21" ht="18.75" x14ac:dyDescent="0.15">
      <c r="A114" s="16" t="s">
        <v>89</v>
      </c>
      <c r="B114" s="16" t="s">
        <v>46</v>
      </c>
      <c r="C114" s="17">
        <v>3</v>
      </c>
      <c r="D114" s="45" t="s">
        <v>85</v>
      </c>
      <c r="E114" s="18">
        <v>720</v>
      </c>
      <c r="F114" s="18">
        <v>653</v>
      </c>
      <c r="G114" s="18">
        <v>598</v>
      </c>
      <c r="H114" s="18">
        <v>46</v>
      </c>
      <c r="I114" s="18">
        <v>552</v>
      </c>
      <c r="J114" s="18">
        <v>45</v>
      </c>
      <c r="K114" s="18">
        <v>42</v>
      </c>
      <c r="L114" s="18">
        <v>3</v>
      </c>
      <c r="M114" s="18">
        <v>0</v>
      </c>
      <c r="N114" s="18">
        <v>10</v>
      </c>
      <c r="O114" s="18">
        <v>67</v>
      </c>
      <c r="P114" s="18">
        <v>56</v>
      </c>
      <c r="Q114" s="18">
        <v>8</v>
      </c>
      <c r="R114" s="18">
        <v>4</v>
      </c>
      <c r="S114" s="18">
        <v>4</v>
      </c>
      <c r="T114" s="18">
        <v>0</v>
      </c>
      <c r="U114" s="18">
        <v>3</v>
      </c>
    </row>
    <row r="115" spans="1:21" ht="18.75" x14ac:dyDescent="0.15">
      <c r="A115" s="16" t="s">
        <v>89</v>
      </c>
      <c r="B115" s="16" t="s">
        <v>45</v>
      </c>
      <c r="C115" s="17">
        <v>1</v>
      </c>
      <c r="D115" s="46" t="s">
        <v>87</v>
      </c>
      <c r="E115" s="15">
        <v>1582</v>
      </c>
      <c r="F115" s="15">
        <v>1453</v>
      </c>
      <c r="G115" s="15">
        <v>1198</v>
      </c>
      <c r="H115" s="15">
        <v>112</v>
      </c>
      <c r="I115" s="15">
        <v>1086</v>
      </c>
      <c r="J115" s="15">
        <v>218</v>
      </c>
      <c r="K115" s="15">
        <v>205</v>
      </c>
      <c r="L115" s="15">
        <v>8</v>
      </c>
      <c r="M115" s="15">
        <v>5</v>
      </c>
      <c r="N115" s="15">
        <v>37</v>
      </c>
      <c r="O115" s="15">
        <v>129</v>
      </c>
      <c r="P115" s="15">
        <v>113</v>
      </c>
      <c r="Q115" s="15">
        <v>14</v>
      </c>
      <c r="R115" s="15">
        <v>13</v>
      </c>
      <c r="S115" s="15">
        <v>1</v>
      </c>
      <c r="T115" s="15">
        <v>0</v>
      </c>
      <c r="U115" s="15">
        <v>2</v>
      </c>
    </row>
    <row r="116" spans="1:21" ht="18.75" x14ac:dyDescent="0.15">
      <c r="A116" s="16" t="s">
        <v>89</v>
      </c>
      <c r="B116" s="16" t="s">
        <v>45</v>
      </c>
      <c r="C116" s="17">
        <v>2</v>
      </c>
      <c r="D116" s="45" t="s">
        <v>86</v>
      </c>
      <c r="E116" s="8">
        <v>840</v>
      </c>
      <c r="F116" s="8">
        <v>771</v>
      </c>
      <c r="G116" s="8">
        <v>597</v>
      </c>
      <c r="H116" s="8">
        <v>65</v>
      </c>
      <c r="I116" s="8">
        <v>532</v>
      </c>
      <c r="J116" s="8">
        <v>150</v>
      </c>
      <c r="K116" s="8">
        <v>141</v>
      </c>
      <c r="L116" s="8">
        <v>7</v>
      </c>
      <c r="M116" s="8">
        <v>2</v>
      </c>
      <c r="N116" s="8">
        <v>24</v>
      </c>
      <c r="O116" s="8">
        <v>69</v>
      </c>
      <c r="P116" s="8">
        <v>57</v>
      </c>
      <c r="Q116" s="8">
        <v>11</v>
      </c>
      <c r="R116" s="8">
        <v>10</v>
      </c>
      <c r="S116" s="8">
        <v>1</v>
      </c>
      <c r="T116" s="8">
        <v>0</v>
      </c>
      <c r="U116" s="8">
        <v>1</v>
      </c>
    </row>
    <row r="117" spans="1:21" ht="18.75" x14ac:dyDescent="0.15">
      <c r="A117" s="16" t="s">
        <v>89</v>
      </c>
      <c r="B117" s="16" t="s">
        <v>45</v>
      </c>
      <c r="C117" s="17">
        <v>3</v>
      </c>
      <c r="D117" s="45" t="s">
        <v>85</v>
      </c>
      <c r="E117" s="18">
        <v>742</v>
      </c>
      <c r="F117" s="18">
        <v>682</v>
      </c>
      <c r="G117" s="18">
        <v>601</v>
      </c>
      <c r="H117" s="18">
        <v>47</v>
      </c>
      <c r="I117" s="18">
        <v>554</v>
      </c>
      <c r="J117" s="18">
        <v>68</v>
      </c>
      <c r="K117" s="18">
        <v>64</v>
      </c>
      <c r="L117" s="18">
        <v>1</v>
      </c>
      <c r="M117" s="18">
        <v>3</v>
      </c>
      <c r="N117" s="18">
        <v>13</v>
      </c>
      <c r="O117" s="18">
        <v>60</v>
      </c>
      <c r="P117" s="18">
        <v>56</v>
      </c>
      <c r="Q117" s="18">
        <v>3</v>
      </c>
      <c r="R117" s="18">
        <v>3</v>
      </c>
      <c r="S117" s="18">
        <v>0</v>
      </c>
      <c r="T117" s="18">
        <v>0</v>
      </c>
      <c r="U117" s="18">
        <v>1</v>
      </c>
    </row>
    <row r="118" spans="1:21" ht="18.75" x14ac:dyDescent="0.15">
      <c r="A118" s="16" t="s">
        <v>89</v>
      </c>
      <c r="B118" s="16" t="s">
        <v>44</v>
      </c>
      <c r="C118" s="17">
        <v>1</v>
      </c>
      <c r="D118" s="46" t="s">
        <v>87</v>
      </c>
      <c r="E118" s="15">
        <v>6721</v>
      </c>
      <c r="F118" s="15">
        <v>6150</v>
      </c>
      <c r="G118" s="15">
        <v>4834</v>
      </c>
      <c r="H118" s="15">
        <v>670</v>
      </c>
      <c r="I118" s="15">
        <v>4164</v>
      </c>
      <c r="J118" s="15">
        <v>1130</v>
      </c>
      <c r="K118" s="15">
        <v>1030</v>
      </c>
      <c r="L118" s="15">
        <v>72</v>
      </c>
      <c r="M118" s="15">
        <v>28</v>
      </c>
      <c r="N118" s="15">
        <v>186</v>
      </c>
      <c r="O118" s="15">
        <v>571</v>
      </c>
      <c r="P118" s="15">
        <v>460</v>
      </c>
      <c r="Q118" s="15">
        <v>104</v>
      </c>
      <c r="R118" s="15">
        <v>74</v>
      </c>
      <c r="S118" s="15">
        <v>27</v>
      </c>
      <c r="T118" s="15">
        <v>3</v>
      </c>
      <c r="U118" s="15">
        <v>7</v>
      </c>
    </row>
    <row r="119" spans="1:21" ht="18.75" x14ac:dyDescent="0.15">
      <c r="A119" s="16" t="s">
        <v>89</v>
      </c>
      <c r="B119" s="16" t="s">
        <v>44</v>
      </c>
      <c r="C119" s="17">
        <v>2</v>
      </c>
      <c r="D119" s="45" t="s">
        <v>86</v>
      </c>
      <c r="E119" s="8">
        <v>3609</v>
      </c>
      <c r="F119" s="8">
        <v>3319</v>
      </c>
      <c r="G119" s="8">
        <v>2488</v>
      </c>
      <c r="H119" s="8">
        <v>362</v>
      </c>
      <c r="I119" s="8">
        <v>2126</v>
      </c>
      <c r="J119" s="8">
        <v>737</v>
      </c>
      <c r="K119" s="8">
        <v>654</v>
      </c>
      <c r="L119" s="8">
        <v>62</v>
      </c>
      <c r="M119" s="8">
        <v>21</v>
      </c>
      <c r="N119" s="8">
        <v>94</v>
      </c>
      <c r="O119" s="8">
        <v>290</v>
      </c>
      <c r="P119" s="8">
        <v>238</v>
      </c>
      <c r="Q119" s="8">
        <v>49</v>
      </c>
      <c r="R119" s="8">
        <v>34</v>
      </c>
      <c r="S119" s="8">
        <v>14</v>
      </c>
      <c r="T119" s="8">
        <v>1</v>
      </c>
      <c r="U119" s="8">
        <v>3</v>
      </c>
    </row>
    <row r="120" spans="1:21" ht="18.75" x14ac:dyDescent="0.15">
      <c r="A120" s="16" t="s">
        <v>89</v>
      </c>
      <c r="B120" s="16" t="s">
        <v>44</v>
      </c>
      <c r="C120" s="17">
        <v>3</v>
      </c>
      <c r="D120" s="45" t="s">
        <v>85</v>
      </c>
      <c r="E120" s="18">
        <v>3112</v>
      </c>
      <c r="F120" s="18">
        <v>2831</v>
      </c>
      <c r="G120" s="18">
        <v>2346</v>
      </c>
      <c r="H120" s="18">
        <v>308</v>
      </c>
      <c r="I120" s="18">
        <v>2038</v>
      </c>
      <c r="J120" s="18">
        <v>393</v>
      </c>
      <c r="K120" s="18">
        <v>376</v>
      </c>
      <c r="L120" s="18">
        <v>10</v>
      </c>
      <c r="M120" s="18">
        <v>7</v>
      </c>
      <c r="N120" s="18">
        <v>92</v>
      </c>
      <c r="O120" s="18">
        <v>281</v>
      </c>
      <c r="P120" s="18">
        <v>222</v>
      </c>
      <c r="Q120" s="18">
        <v>55</v>
      </c>
      <c r="R120" s="18">
        <v>40</v>
      </c>
      <c r="S120" s="18">
        <v>13</v>
      </c>
      <c r="T120" s="18">
        <v>2</v>
      </c>
      <c r="U120" s="18">
        <v>4</v>
      </c>
    </row>
    <row r="121" spans="1:21" ht="18.75" x14ac:dyDescent="0.15">
      <c r="A121" s="16" t="s">
        <v>89</v>
      </c>
      <c r="B121" s="16" t="s">
        <v>43</v>
      </c>
      <c r="C121" s="17">
        <v>1</v>
      </c>
      <c r="D121" s="46" t="s">
        <v>87</v>
      </c>
      <c r="E121" s="15">
        <v>2192</v>
      </c>
      <c r="F121" s="15">
        <v>2044</v>
      </c>
      <c r="G121" s="15">
        <v>1645</v>
      </c>
      <c r="H121" s="15">
        <v>179</v>
      </c>
      <c r="I121" s="15">
        <v>1466</v>
      </c>
      <c r="J121" s="15">
        <v>339</v>
      </c>
      <c r="K121" s="15">
        <v>307</v>
      </c>
      <c r="L121" s="15">
        <v>21</v>
      </c>
      <c r="M121" s="15">
        <v>11</v>
      </c>
      <c r="N121" s="15">
        <v>60</v>
      </c>
      <c r="O121" s="15">
        <v>148</v>
      </c>
      <c r="P121" s="15">
        <v>115</v>
      </c>
      <c r="Q121" s="15">
        <v>32</v>
      </c>
      <c r="R121" s="15">
        <v>24</v>
      </c>
      <c r="S121" s="15">
        <v>7</v>
      </c>
      <c r="T121" s="15">
        <v>1</v>
      </c>
      <c r="U121" s="15">
        <v>1</v>
      </c>
    </row>
    <row r="122" spans="1:21" ht="18.75" x14ac:dyDescent="0.15">
      <c r="A122" s="16" t="s">
        <v>89</v>
      </c>
      <c r="B122" s="16" t="s">
        <v>43</v>
      </c>
      <c r="C122" s="17">
        <v>2</v>
      </c>
      <c r="D122" s="45" t="s">
        <v>86</v>
      </c>
      <c r="E122" s="8">
        <v>1175</v>
      </c>
      <c r="F122" s="8">
        <v>1094</v>
      </c>
      <c r="G122" s="8">
        <v>827</v>
      </c>
      <c r="H122" s="8">
        <v>96</v>
      </c>
      <c r="I122" s="8">
        <v>731</v>
      </c>
      <c r="J122" s="8">
        <v>235</v>
      </c>
      <c r="K122" s="8">
        <v>211</v>
      </c>
      <c r="L122" s="8">
        <v>17</v>
      </c>
      <c r="M122" s="8">
        <v>7</v>
      </c>
      <c r="N122" s="8">
        <v>32</v>
      </c>
      <c r="O122" s="8">
        <v>81</v>
      </c>
      <c r="P122" s="8">
        <v>61</v>
      </c>
      <c r="Q122" s="8">
        <v>19</v>
      </c>
      <c r="R122" s="8">
        <v>15</v>
      </c>
      <c r="S122" s="8">
        <v>3</v>
      </c>
      <c r="T122" s="8">
        <v>1</v>
      </c>
      <c r="U122" s="8">
        <v>1</v>
      </c>
    </row>
    <row r="123" spans="1:21" ht="18.75" x14ac:dyDescent="0.15">
      <c r="A123" s="16" t="s">
        <v>89</v>
      </c>
      <c r="B123" s="16" t="s">
        <v>43</v>
      </c>
      <c r="C123" s="17">
        <v>3</v>
      </c>
      <c r="D123" s="45" t="s">
        <v>85</v>
      </c>
      <c r="E123" s="18">
        <v>1017</v>
      </c>
      <c r="F123" s="18">
        <v>950</v>
      </c>
      <c r="G123" s="18">
        <v>818</v>
      </c>
      <c r="H123" s="18">
        <v>83</v>
      </c>
      <c r="I123" s="18">
        <v>735</v>
      </c>
      <c r="J123" s="18">
        <v>104</v>
      </c>
      <c r="K123" s="18">
        <v>96</v>
      </c>
      <c r="L123" s="18">
        <v>4</v>
      </c>
      <c r="M123" s="18">
        <v>4</v>
      </c>
      <c r="N123" s="18">
        <v>28</v>
      </c>
      <c r="O123" s="18">
        <v>67</v>
      </c>
      <c r="P123" s="18">
        <v>54</v>
      </c>
      <c r="Q123" s="18">
        <v>13</v>
      </c>
      <c r="R123" s="18">
        <v>9</v>
      </c>
      <c r="S123" s="18">
        <v>4</v>
      </c>
      <c r="T123" s="18">
        <v>0</v>
      </c>
      <c r="U123" s="18">
        <v>0</v>
      </c>
    </row>
    <row r="124" spans="1:21" ht="18.75" x14ac:dyDescent="0.15">
      <c r="A124" s="16" t="s">
        <v>89</v>
      </c>
      <c r="B124" s="16" t="s">
        <v>42</v>
      </c>
      <c r="C124" s="17">
        <v>1</v>
      </c>
      <c r="D124" s="46" t="s">
        <v>87</v>
      </c>
      <c r="E124" s="15">
        <v>891</v>
      </c>
      <c r="F124" s="15">
        <v>833</v>
      </c>
      <c r="G124" s="15">
        <v>637</v>
      </c>
      <c r="H124" s="15">
        <v>105</v>
      </c>
      <c r="I124" s="15">
        <v>532</v>
      </c>
      <c r="J124" s="15">
        <v>162</v>
      </c>
      <c r="K124" s="15">
        <v>145</v>
      </c>
      <c r="L124" s="15">
        <v>9</v>
      </c>
      <c r="M124" s="15">
        <v>8</v>
      </c>
      <c r="N124" s="15">
        <v>34</v>
      </c>
      <c r="O124" s="15">
        <v>58</v>
      </c>
      <c r="P124" s="15">
        <v>45</v>
      </c>
      <c r="Q124" s="15">
        <v>11</v>
      </c>
      <c r="R124" s="15">
        <v>6</v>
      </c>
      <c r="S124" s="15">
        <v>5</v>
      </c>
      <c r="T124" s="15">
        <v>0</v>
      </c>
      <c r="U124" s="15">
        <v>2</v>
      </c>
    </row>
    <row r="125" spans="1:21" ht="18.75" x14ac:dyDescent="0.15">
      <c r="A125" s="16" t="s">
        <v>89</v>
      </c>
      <c r="B125" s="16" t="s">
        <v>42</v>
      </c>
      <c r="C125" s="17">
        <v>2</v>
      </c>
      <c r="D125" s="45" t="s">
        <v>86</v>
      </c>
      <c r="E125" s="8">
        <v>493</v>
      </c>
      <c r="F125" s="8">
        <v>462</v>
      </c>
      <c r="G125" s="8">
        <v>343</v>
      </c>
      <c r="H125" s="8">
        <v>59</v>
      </c>
      <c r="I125" s="8">
        <v>284</v>
      </c>
      <c r="J125" s="8">
        <v>100</v>
      </c>
      <c r="K125" s="8">
        <v>86</v>
      </c>
      <c r="L125" s="8">
        <v>8</v>
      </c>
      <c r="M125" s="8">
        <v>6</v>
      </c>
      <c r="N125" s="8">
        <v>19</v>
      </c>
      <c r="O125" s="8">
        <v>31</v>
      </c>
      <c r="P125" s="8">
        <v>23</v>
      </c>
      <c r="Q125" s="8">
        <v>6</v>
      </c>
      <c r="R125" s="8">
        <v>3</v>
      </c>
      <c r="S125" s="8">
        <v>3</v>
      </c>
      <c r="T125" s="8">
        <v>0</v>
      </c>
      <c r="U125" s="8">
        <v>2</v>
      </c>
    </row>
    <row r="126" spans="1:21" ht="18.75" x14ac:dyDescent="0.15">
      <c r="A126" s="16" t="s">
        <v>89</v>
      </c>
      <c r="B126" s="16" t="s">
        <v>42</v>
      </c>
      <c r="C126" s="17">
        <v>3</v>
      </c>
      <c r="D126" s="45" t="s">
        <v>85</v>
      </c>
      <c r="E126" s="18">
        <v>398</v>
      </c>
      <c r="F126" s="18">
        <v>371</v>
      </c>
      <c r="G126" s="18">
        <v>294</v>
      </c>
      <c r="H126" s="18">
        <v>46</v>
      </c>
      <c r="I126" s="18">
        <v>248</v>
      </c>
      <c r="J126" s="18">
        <v>62</v>
      </c>
      <c r="K126" s="18">
        <v>59</v>
      </c>
      <c r="L126" s="18">
        <v>1</v>
      </c>
      <c r="M126" s="18">
        <v>2</v>
      </c>
      <c r="N126" s="18">
        <v>15</v>
      </c>
      <c r="O126" s="18">
        <v>27</v>
      </c>
      <c r="P126" s="18">
        <v>22</v>
      </c>
      <c r="Q126" s="18">
        <v>5</v>
      </c>
      <c r="R126" s="18">
        <v>3</v>
      </c>
      <c r="S126" s="18">
        <v>2</v>
      </c>
      <c r="T126" s="18">
        <v>0</v>
      </c>
      <c r="U126" s="18">
        <v>0</v>
      </c>
    </row>
    <row r="127" spans="1:21" ht="18.75" x14ac:dyDescent="0.15">
      <c r="A127" s="16" t="s">
        <v>89</v>
      </c>
      <c r="B127" s="16" t="s">
        <v>41</v>
      </c>
      <c r="C127" s="17">
        <v>1</v>
      </c>
      <c r="D127" s="46" t="s">
        <v>87</v>
      </c>
      <c r="E127" s="15">
        <v>1630</v>
      </c>
      <c r="F127" s="15">
        <v>1073</v>
      </c>
      <c r="G127" s="15">
        <v>914</v>
      </c>
      <c r="H127" s="15">
        <v>102</v>
      </c>
      <c r="I127" s="15">
        <v>812</v>
      </c>
      <c r="J127" s="15">
        <v>108</v>
      </c>
      <c r="K127" s="15">
        <v>97</v>
      </c>
      <c r="L127" s="15">
        <v>9</v>
      </c>
      <c r="M127" s="15">
        <v>2</v>
      </c>
      <c r="N127" s="15">
        <v>51</v>
      </c>
      <c r="O127" s="15">
        <v>557</v>
      </c>
      <c r="P127" s="15">
        <v>547</v>
      </c>
      <c r="Q127" s="15">
        <v>8</v>
      </c>
      <c r="R127" s="15">
        <v>6</v>
      </c>
      <c r="S127" s="15">
        <v>2</v>
      </c>
      <c r="T127" s="15">
        <v>0</v>
      </c>
      <c r="U127" s="15">
        <v>2</v>
      </c>
    </row>
    <row r="128" spans="1:21" ht="18.75" x14ac:dyDescent="0.15">
      <c r="A128" s="16" t="s">
        <v>89</v>
      </c>
      <c r="B128" s="16" t="s">
        <v>41</v>
      </c>
      <c r="C128" s="17">
        <v>2</v>
      </c>
      <c r="D128" s="45" t="s">
        <v>86</v>
      </c>
      <c r="E128" s="8">
        <v>824</v>
      </c>
      <c r="F128" s="8">
        <v>545</v>
      </c>
      <c r="G128" s="8">
        <v>461</v>
      </c>
      <c r="H128" s="8">
        <v>60</v>
      </c>
      <c r="I128" s="8">
        <v>401</v>
      </c>
      <c r="J128" s="8">
        <v>66</v>
      </c>
      <c r="K128" s="8">
        <v>60</v>
      </c>
      <c r="L128" s="8">
        <v>5</v>
      </c>
      <c r="M128" s="8">
        <v>1</v>
      </c>
      <c r="N128" s="8">
        <v>18</v>
      </c>
      <c r="O128" s="8">
        <v>279</v>
      </c>
      <c r="P128" s="8">
        <v>272</v>
      </c>
      <c r="Q128" s="8">
        <v>6</v>
      </c>
      <c r="R128" s="8">
        <v>4</v>
      </c>
      <c r="S128" s="8">
        <v>2</v>
      </c>
      <c r="T128" s="8">
        <v>0</v>
      </c>
      <c r="U128" s="8">
        <v>1</v>
      </c>
    </row>
    <row r="129" spans="1:21" ht="18.75" x14ac:dyDescent="0.15">
      <c r="A129" s="16" t="s">
        <v>89</v>
      </c>
      <c r="B129" s="16" t="s">
        <v>41</v>
      </c>
      <c r="C129" s="17">
        <v>3</v>
      </c>
      <c r="D129" s="45" t="s">
        <v>85</v>
      </c>
      <c r="E129" s="18">
        <v>806</v>
      </c>
      <c r="F129" s="18">
        <v>528</v>
      </c>
      <c r="G129" s="18">
        <v>453</v>
      </c>
      <c r="H129" s="18">
        <v>42</v>
      </c>
      <c r="I129" s="18">
        <v>411</v>
      </c>
      <c r="J129" s="18">
        <v>42</v>
      </c>
      <c r="K129" s="18">
        <v>37</v>
      </c>
      <c r="L129" s="18">
        <v>4</v>
      </c>
      <c r="M129" s="18">
        <v>1</v>
      </c>
      <c r="N129" s="18">
        <v>33</v>
      </c>
      <c r="O129" s="18">
        <v>278</v>
      </c>
      <c r="P129" s="18">
        <v>275</v>
      </c>
      <c r="Q129" s="18">
        <v>2</v>
      </c>
      <c r="R129" s="18">
        <v>2</v>
      </c>
      <c r="S129" s="18">
        <v>0</v>
      </c>
      <c r="T129" s="18">
        <v>0</v>
      </c>
      <c r="U129" s="18">
        <v>1</v>
      </c>
    </row>
    <row r="130" spans="1:21" ht="18.75" x14ac:dyDescent="0.15">
      <c r="A130" s="16" t="s">
        <v>89</v>
      </c>
      <c r="B130" s="16" t="s">
        <v>40</v>
      </c>
      <c r="C130" s="17">
        <v>1</v>
      </c>
      <c r="D130" s="46" t="s">
        <v>87</v>
      </c>
      <c r="E130" s="15">
        <v>1896</v>
      </c>
      <c r="F130" s="15">
        <v>1752</v>
      </c>
      <c r="G130" s="15">
        <v>1242</v>
      </c>
      <c r="H130" s="15">
        <v>204</v>
      </c>
      <c r="I130" s="15">
        <v>1038</v>
      </c>
      <c r="J130" s="15">
        <v>438</v>
      </c>
      <c r="K130" s="15">
        <v>416</v>
      </c>
      <c r="L130" s="15">
        <v>13</v>
      </c>
      <c r="M130" s="15">
        <v>9</v>
      </c>
      <c r="N130" s="15">
        <v>72</v>
      </c>
      <c r="O130" s="15">
        <v>144</v>
      </c>
      <c r="P130" s="15">
        <v>126</v>
      </c>
      <c r="Q130" s="15">
        <v>16</v>
      </c>
      <c r="R130" s="15">
        <v>11</v>
      </c>
      <c r="S130" s="15">
        <v>5</v>
      </c>
      <c r="T130" s="15">
        <v>0</v>
      </c>
      <c r="U130" s="15">
        <v>2</v>
      </c>
    </row>
    <row r="131" spans="1:21" ht="18.75" x14ac:dyDescent="0.15">
      <c r="A131" s="16" t="s">
        <v>89</v>
      </c>
      <c r="B131" s="16" t="s">
        <v>40</v>
      </c>
      <c r="C131" s="17">
        <v>2</v>
      </c>
      <c r="D131" s="45" t="s">
        <v>86</v>
      </c>
      <c r="E131" s="8">
        <v>1024</v>
      </c>
      <c r="F131" s="8">
        <v>956</v>
      </c>
      <c r="G131" s="8">
        <v>666</v>
      </c>
      <c r="H131" s="8">
        <v>111</v>
      </c>
      <c r="I131" s="8">
        <v>555</v>
      </c>
      <c r="J131" s="8">
        <v>248</v>
      </c>
      <c r="K131" s="8">
        <v>234</v>
      </c>
      <c r="L131" s="8">
        <v>9</v>
      </c>
      <c r="M131" s="8">
        <v>5</v>
      </c>
      <c r="N131" s="8">
        <v>42</v>
      </c>
      <c r="O131" s="8">
        <v>68</v>
      </c>
      <c r="P131" s="8">
        <v>58</v>
      </c>
      <c r="Q131" s="8">
        <v>9</v>
      </c>
      <c r="R131" s="8">
        <v>6</v>
      </c>
      <c r="S131" s="8">
        <v>3</v>
      </c>
      <c r="T131" s="8">
        <v>0</v>
      </c>
      <c r="U131" s="8">
        <v>1</v>
      </c>
    </row>
    <row r="132" spans="1:21" ht="18.75" x14ac:dyDescent="0.15">
      <c r="A132" s="16" t="s">
        <v>89</v>
      </c>
      <c r="B132" s="16" t="s">
        <v>40</v>
      </c>
      <c r="C132" s="17">
        <v>3</v>
      </c>
      <c r="D132" s="45" t="s">
        <v>85</v>
      </c>
      <c r="E132" s="18">
        <v>872</v>
      </c>
      <c r="F132" s="18">
        <v>796</v>
      </c>
      <c r="G132" s="18">
        <v>576</v>
      </c>
      <c r="H132" s="18">
        <v>93</v>
      </c>
      <c r="I132" s="18">
        <v>483</v>
      </c>
      <c r="J132" s="18">
        <v>190</v>
      </c>
      <c r="K132" s="18">
        <v>182</v>
      </c>
      <c r="L132" s="18">
        <v>4</v>
      </c>
      <c r="M132" s="18">
        <v>4</v>
      </c>
      <c r="N132" s="18">
        <v>30</v>
      </c>
      <c r="O132" s="18">
        <v>76</v>
      </c>
      <c r="P132" s="18">
        <v>68</v>
      </c>
      <c r="Q132" s="18">
        <v>7</v>
      </c>
      <c r="R132" s="18">
        <v>5</v>
      </c>
      <c r="S132" s="18">
        <v>2</v>
      </c>
      <c r="T132" s="18">
        <v>0</v>
      </c>
      <c r="U132" s="18">
        <v>1</v>
      </c>
    </row>
    <row r="133" spans="1:21" ht="18.75" x14ac:dyDescent="0.15">
      <c r="A133" s="16" t="s">
        <v>89</v>
      </c>
      <c r="B133" s="16" t="s">
        <v>39</v>
      </c>
      <c r="C133" s="17">
        <v>1</v>
      </c>
      <c r="D133" s="46" t="s">
        <v>87</v>
      </c>
      <c r="E133" s="15">
        <v>612</v>
      </c>
      <c r="F133" s="15">
        <v>557</v>
      </c>
      <c r="G133" s="15">
        <v>442</v>
      </c>
      <c r="H133" s="15">
        <v>92</v>
      </c>
      <c r="I133" s="15">
        <v>350</v>
      </c>
      <c r="J133" s="15">
        <v>105</v>
      </c>
      <c r="K133" s="15">
        <v>96</v>
      </c>
      <c r="L133" s="15">
        <v>2</v>
      </c>
      <c r="M133" s="15">
        <v>7</v>
      </c>
      <c r="N133" s="15">
        <v>10</v>
      </c>
      <c r="O133" s="15">
        <v>55</v>
      </c>
      <c r="P133" s="15">
        <v>41</v>
      </c>
      <c r="Q133" s="15">
        <v>14</v>
      </c>
      <c r="R133" s="15">
        <v>10</v>
      </c>
      <c r="S133" s="15">
        <v>3</v>
      </c>
      <c r="T133" s="15">
        <v>1</v>
      </c>
      <c r="U133" s="15">
        <v>0</v>
      </c>
    </row>
    <row r="134" spans="1:21" ht="18.75" x14ac:dyDescent="0.15">
      <c r="A134" s="16" t="s">
        <v>89</v>
      </c>
      <c r="B134" s="16" t="s">
        <v>39</v>
      </c>
      <c r="C134" s="17">
        <v>2</v>
      </c>
      <c r="D134" s="45" t="s">
        <v>86</v>
      </c>
      <c r="E134" s="8">
        <v>311</v>
      </c>
      <c r="F134" s="8">
        <v>283</v>
      </c>
      <c r="G134" s="8">
        <v>223</v>
      </c>
      <c r="H134" s="8">
        <v>49</v>
      </c>
      <c r="I134" s="8">
        <v>174</v>
      </c>
      <c r="J134" s="8">
        <v>54</v>
      </c>
      <c r="K134" s="8">
        <v>48</v>
      </c>
      <c r="L134" s="8">
        <v>2</v>
      </c>
      <c r="M134" s="8">
        <v>4</v>
      </c>
      <c r="N134" s="8">
        <v>6</v>
      </c>
      <c r="O134" s="8">
        <v>28</v>
      </c>
      <c r="P134" s="8">
        <v>22</v>
      </c>
      <c r="Q134" s="8">
        <v>6</v>
      </c>
      <c r="R134" s="8">
        <v>3</v>
      </c>
      <c r="S134" s="8">
        <v>2</v>
      </c>
      <c r="T134" s="8">
        <v>1</v>
      </c>
      <c r="U134" s="8">
        <v>0</v>
      </c>
    </row>
    <row r="135" spans="1:21" ht="18.75" x14ac:dyDescent="0.15">
      <c r="A135" s="16" t="s">
        <v>89</v>
      </c>
      <c r="B135" s="16" t="s">
        <v>39</v>
      </c>
      <c r="C135" s="17">
        <v>3</v>
      </c>
      <c r="D135" s="45" t="s">
        <v>85</v>
      </c>
      <c r="E135" s="18">
        <v>301</v>
      </c>
      <c r="F135" s="18">
        <v>274</v>
      </c>
      <c r="G135" s="18">
        <v>219</v>
      </c>
      <c r="H135" s="18">
        <v>43</v>
      </c>
      <c r="I135" s="18">
        <v>176</v>
      </c>
      <c r="J135" s="18">
        <v>51</v>
      </c>
      <c r="K135" s="18">
        <v>48</v>
      </c>
      <c r="L135" s="18">
        <v>0</v>
      </c>
      <c r="M135" s="18">
        <v>3</v>
      </c>
      <c r="N135" s="18">
        <v>4</v>
      </c>
      <c r="O135" s="18">
        <v>27</v>
      </c>
      <c r="P135" s="18">
        <v>19</v>
      </c>
      <c r="Q135" s="18">
        <v>8</v>
      </c>
      <c r="R135" s="18">
        <v>7</v>
      </c>
      <c r="S135" s="18">
        <v>1</v>
      </c>
      <c r="T135" s="18">
        <v>0</v>
      </c>
      <c r="U135" s="18">
        <v>0</v>
      </c>
    </row>
    <row r="136" spans="1:21" ht="18.75" x14ac:dyDescent="0.15">
      <c r="A136" s="16" t="s">
        <v>89</v>
      </c>
      <c r="B136" s="16" t="s">
        <v>38</v>
      </c>
      <c r="C136" s="17">
        <v>1</v>
      </c>
      <c r="D136" s="46" t="s">
        <v>87</v>
      </c>
      <c r="E136" s="15">
        <v>1671</v>
      </c>
      <c r="F136" s="15">
        <v>1545</v>
      </c>
      <c r="G136" s="15">
        <v>1090</v>
      </c>
      <c r="H136" s="15">
        <v>147</v>
      </c>
      <c r="I136" s="15">
        <v>943</v>
      </c>
      <c r="J136" s="15">
        <v>393</v>
      </c>
      <c r="K136" s="15">
        <v>369</v>
      </c>
      <c r="L136" s="15">
        <v>13</v>
      </c>
      <c r="M136" s="15">
        <v>11</v>
      </c>
      <c r="N136" s="15">
        <v>62</v>
      </c>
      <c r="O136" s="15">
        <v>126</v>
      </c>
      <c r="P136" s="15">
        <v>92</v>
      </c>
      <c r="Q136" s="15">
        <v>33</v>
      </c>
      <c r="R136" s="15">
        <v>30</v>
      </c>
      <c r="S136" s="15">
        <v>3</v>
      </c>
      <c r="T136" s="15">
        <v>0</v>
      </c>
      <c r="U136" s="15">
        <v>1</v>
      </c>
    </row>
    <row r="137" spans="1:21" ht="18.75" x14ac:dyDescent="0.15">
      <c r="A137" s="16" t="s">
        <v>89</v>
      </c>
      <c r="B137" s="16" t="s">
        <v>38</v>
      </c>
      <c r="C137" s="17">
        <v>2</v>
      </c>
      <c r="D137" s="45" t="s">
        <v>86</v>
      </c>
      <c r="E137" s="8">
        <v>898</v>
      </c>
      <c r="F137" s="8">
        <v>838</v>
      </c>
      <c r="G137" s="8">
        <v>574</v>
      </c>
      <c r="H137" s="8">
        <v>80</v>
      </c>
      <c r="I137" s="8">
        <v>494</v>
      </c>
      <c r="J137" s="8">
        <v>234</v>
      </c>
      <c r="K137" s="8">
        <v>216</v>
      </c>
      <c r="L137" s="8">
        <v>11</v>
      </c>
      <c r="M137" s="8">
        <v>7</v>
      </c>
      <c r="N137" s="8">
        <v>30</v>
      </c>
      <c r="O137" s="8">
        <v>60</v>
      </c>
      <c r="P137" s="8">
        <v>45</v>
      </c>
      <c r="Q137" s="8">
        <v>15</v>
      </c>
      <c r="R137" s="8">
        <v>13</v>
      </c>
      <c r="S137" s="8">
        <v>2</v>
      </c>
      <c r="T137" s="8">
        <v>0</v>
      </c>
      <c r="U137" s="8">
        <v>0</v>
      </c>
    </row>
    <row r="138" spans="1:21" ht="18.75" x14ac:dyDescent="0.15">
      <c r="A138" s="16" t="s">
        <v>89</v>
      </c>
      <c r="B138" s="16" t="s">
        <v>38</v>
      </c>
      <c r="C138" s="17">
        <v>3</v>
      </c>
      <c r="D138" s="45" t="s">
        <v>85</v>
      </c>
      <c r="E138" s="18">
        <v>773</v>
      </c>
      <c r="F138" s="18">
        <v>707</v>
      </c>
      <c r="G138" s="18">
        <v>516</v>
      </c>
      <c r="H138" s="18">
        <v>67</v>
      </c>
      <c r="I138" s="18">
        <v>449</v>
      </c>
      <c r="J138" s="18">
        <v>159</v>
      </c>
      <c r="K138" s="18">
        <v>153</v>
      </c>
      <c r="L138" s="18">
        <v>2</v>
      </c>
      <c r="M138" s="18">
        <v>4</v>
      </c>
      <c r="N138" s="18">
        <v>32</v>
      </c>
      <c r="O138" s="18">
        <v>66</v>
      </c>
      <c r="P138" s="18">
        <v>47</v>
      </c>
      <c r="Q138" s="18">
        <v>18</v>
      </c>
      <c r="R138" s="18">
        <v>17</v>
      </c>
      <c r="S138" s="18">
        <v>1</v>
      </c>
      <c r="T138" s="18">
        <v>0</v>
      </c>
      <c r="U138" s="18">
        <v>1</v>
      </c>
    </row>
    <row r="139" spans="1:21" ht="18.75" x14ac:dyDescent="0.15">
      <c r="A139" s="16" t="s">
        <v>89</v>
      </c>
      <c r="B139" s="16" t="s">
        <v>37</v>
      </c>
      <c r="C139" s="17">
        <v>1</v>
      </c>
      <c r="D139" s="46" t="s">
        <v>87</v>
      </c>
      <c r="E139" s="15">
        <v>1997</v>
      </c>
      <c r="F139" s="15">
        <v>1853</v>
      </c>
      <c r="G139" s="15">
        <v>1393</v>
      </c>
      <c r="H139" s="15">
        <v>132</v>
      </c>
      <c r="I139" s="15">
        <v>1261</v>
      </c>
      <c r="J139" s="15">
        <v>418</v>
      </c>
      <c r="K139" s="15">
        <v>382</v>
      </c>
      <c r="L139" s="15">
        <v>21</v>
      </c>
      <c r="M139" s="15">
        <v>15</v>
      </c>
      <c r="N139" s="15">
        <v>42</v>
      </c>
      <c r="O139" s="15">
        <v>144</v>
      </c>
      <c r="P139" s="15">
        <v>102</v>
      </c>
      <c r="Q139" s="15">
        <v>40</v>
      </c>
      <c r="R139" s="15">
        <v>34</v>
      </c>
      <c r="S139" s="15">
        <v>5</v>
      </c>
      <c r="T139" s="15">
        <v>1</v>
      </c>
      <c r="U139" s="15">
        <v>2</v>
      </c>
    </row>
    <row r="140" spans="1:21" ht="18.75" x14ac:dyDescent="0.15">
      <c r="A140" s="16" t="s">
        <v>89</v>
      </c>
      <c r="B140" s="16" t="s">
        <v>37</v>
      </c>
      <c r="C140" s="17">
        <v>2</v>
      </c>
      <c r="D140" s="45" t="s">
        <v>86</v>
      </c>
      <c r="E140" s="8">
        <v>1080</v>
      </c>
      <c r="F140" s="8">
        <v>1010</v>
      </c>
      <c r="G140" s="8">
        <v>732</v>
      </c>
      <c r="H140" s="8">
        <v>75</v>
      </c>
      <c r="I140" s="8">
        <v>657</v>
      </c>
      <c r="J140" s="8">
        <v>251</v>
      </c>
      <c r="K140" s="8">
        <v>219</v>
      </c>
      <c r="L140" s="8">
        <v>21</v>
      </c>
      <c r="M140" s="8">
        <v>11</v>
      </c>
      <c r="N140" s="8">
        <v>27</v>
      </c>
      <c r="O140" s="8">
        <v>70</v>
      </c>
      <c r="P140" s="8">
        <v>52</v>
      </c>
      <c r="Q140" s="8">
        <v>18</v>
      </c>
      <c r="R140" s="8">
        <v>16</v>
      </c>
      <c r="S140" s="8">
        <v>2</v>
      </c>
      <c r="T140" s="8">
        <v>0</v>
      </c>
      <c r="U140" s="8">
        <v>0</v>
      </c>
    </row>
    <row r="141" spans="1:21" ht="18.75" x14ac:dyDescent="0.15">
      <c r="A141" s="16" t="s">
        <v>89</v>
      </c>
      <c r="B141" s="16" t="s">
        <v>37</v>
      </c>
      <c r="C141" s="17">
        <v>3</v>
      </c>
      <c r="D141" s="45" t="s">
        <v>85</v>
      </c>
      <c r="E141" s="18">
        <v>917</v>
      </c>
      <c r="F141" s="18">
        <v>843</v>
      </c>
      <c r="G141" s="18">
        <v>661</v>
      </c>
      <c r="H141" s="18">
        <v>57</v>
      </c>
      <c r="I141" s="18">
        <v>604</v>
      </c>
      <c r="J141" s="18">
        <v>167</v>
      </c>
      <c r="K141" s="18">
        <v>163</v>
      </c>
      <c r="L141" s="18">
        <v>0</v>
      </c>
      <c r="M141" s="18">
        <v>4</v>
      </c>
      <c r="N141" s="18">
        <v>15</v>
      </c>
      <c r="O141" s="18">
        <v>74</v>
      </c>
      <c r="P141" s="18">
        <v>50</v>
      </c>
      <c r="Q141" s="18">
        <v>22</v>
      </c>
      <c r="R141" s="18">
        <v>18</v>
      </c>
      <c r="S141" s="18">
        <v>3</v>
      </c>
      <c r="T141" s="18">
        <v>1</v>
      </c>
      <c r="U141" s="18">
        <v>2</v>
      </c>
    </row>
    <row r="142" spans="1:21" ht="18.75" x14ac:dyDescent="0.15">
      <c r="A142" s="16" t="s">
        <v>89</v>
      </c>
      <c r="B142" s="16" t="s">
        <v>36</v>
      </c>
      <c r="C142" s="17">
        <v>1</v>
      </c>
      <c r="D142" s="46" t="s">
        <v>87</v>
      </c>
      <c r="E142" s="15">
        <v>981</v>
      </c>
      <c r="F142" s="15">
        <v>929</v>
      </c>
      <c r="G142" s="15">
        <v>622</v>
      </c>
      <c r="H142" s="15">
        <v>72</v>
      </c>
      <c r="I142" s="15">
        <v>550</v>
      </c>
      <c r="J142" s="15">
        <v>272</v>
      </c>
      <c r="K142" s="15">
        <v>258</v>
      </c>
      <c r="L142" s="15">
        <v>10</v>
      </c>
      <c r="M142" s="15">
        <v>4</v>
      </c>
      <c r="N142" s="15">
        <v>35</v>
      </c>
      <c r="O142" s="15">
        <v>52</v>
      </c>
      <c r="P142" s="15">
        <v>27</v>
      </c>
      <c r="Q142" s="15">
        <v>23</v>
      </c>
      <c r="R142" s="15">
        <v>19</v>
      </c>
      <c r="S142" s="15">
        <v>3</v>
      </c>
      <c r="T142" s="15">
        <v>1</v>
      </c>
      <c r="U142" s="15">
        <v>2</v>
      </c>
    </row>
    <row r="143" spans="1:21" ht="18.75" x14ac:dyDescent="0.15">
      <c r="A143" s="16" t="s">
        <v>89</v>
      </c>
      <c r="B143" s="16" t="s">
        <v>36</v>
      </c>
      <c r="C143" s="17">
        <v>2</v>
      </c>
      <c r="D143" s="45" t="s">
        <v>86</v>
      </c>
      <c r="E143" s="8">
        <v>551</v>
      </c>
      <c r="F143" s="8">
        <v>528</v>
      </c>
      <c r="G143" s="8">
        <v>341</v>
      </c>
      <c r="H143" s="8">
        <v>42</v>
      </c>
      <c r="I143" s="8">
        <v>299</v>
      </c>
      <c r="J143" s="8">
        <v>164</v>
      </c>
      <c r="K143" s="8">
        <v>152</v>
      </c>
      <c r="L143" s="8">
        <v>9</v>
      </c>
      <c r="M143" s="8">
        <v>3</v>
      </c>
      <c r="N143" s="8">
        <v>23</v>
      </c>
      <c r="O143" s="8">
        <v>23</v>
      </c>
      <c r="P143" s="8">
        <v>10</v>
      </c>
      <c r="Q143" s="8">
        <v>12</v>
      </c>
      <c r="R143" s="8">
        <v>8</v>
      </c>
      <c r="S143" s="8">
        <v>3</v>
      </c>
      <c r="T143" s="8">
        <v>1</v>
      </c>
      <c r="U143" s="8">
        <v>1</v>
      </c>
    </row>
    <row r="144" spans="1:21" ht="18.75" x14ac:dyDescent="0.15">
      <c r="A144" s="16" t="s">
        <v>89</v>
      </c>
      <c r="B144" s="16" t="s">
        <v>36</v>
      </c>
      <c r="C144" s="17">
        <v>3</v>
      </c>
      <c r="D144" s="45" t="s">
        <v>85</v>
      </c>
      <c r="E144" s="18">
        <v>430</v>
      </c>
      <c r="F144" s="18">
        <v>401</v>
      </c>
      <c r="G144" s="18">
        <v>281</v>
      </c>
      <c r="H144" s="18">
        <v>30</v>
      </c>
      <c r="I144" s="18">
        <v>251</v>
      </c>
      <c r="J144" s="18">
        <v>108</v>
      </c>
      <c r="K144" s="18">
        <v>106</v>
      </c>
      <c r="L144" s="18">
        <v>1</v>
      </c>
      <c r="M144" s="18">
        <v>1</v>
      </c>
      <c r="N144" s="18">
        <v>12</v>
      </c>
      <c r="O144" s="18">
        <v>29</v>
      </c>
      <c r="P144" s="18">
        <v>17</v>
      </c>
      <c r="Q144" s="18">
        <v>11</v>
      </c>
      <c r="R144" s="18">
        <v>11</v>
      </c>
      <c r="S144" s="18">
        <v>0</v>
      </c>
      <c r="T144" s="18">
        <v>0</v>
      </c>
      <c r="U144" s="18">
        <v>1</v>
      </c>
    </row>
    <row r="145" spans="1:21" ht="18.75" x14ac:dyDescent="0.15">
      <c r="A145" s="16" t="s">
        <v>89</v>
      </c>
      <c r="B145" s="16" t="s">
        <v>35</v>
      </c>
      <c r="C145" s="17">
        <v>1</v>
      </c>
      <c r="D145" s="46" t="s">
        <v>87</v>
      </c>
      <c r="E145" s="15">
        <v>2083</v>
      </c>
      <c r="F145" s="15">
        <v>1943</v>
      </c>
      <c r="G145" s="15">
        <v>1485</v>
      </c>
      <c r="H145" s="15">
        <v>202</v>
      </c>
      <c r="I145" s="15">
        <v>1283</v>
      </c>
      <c r="J145" s="15">
        <v>372</v>
      </c>
      <c r="K145" s="15">
        <v>352</v>
      </c>
      <c r="L145" s="15">
        <v>10</v>
      </c>
      <c r="M145" s="15">
        <v>10</v>
      </c>
      <c r="N145" s="15">
        <v>86</v>
      </c>
      <c r="O145" s="15">
        <v>140</v>
      </c>
      <c r="P145" s="15">
        <v>100</v>
      </c>
      <c r="Q145" s="15">
        <v>34</v>
      </c>
      <c r="R145" s="15">
        <v>26</v>
      </c>
      <c r="S145" s="15">
        <v>7</v>
      </c>
      <c r="T145" s="15">
        <v>1</v>
      </c>
      <c r="U145" s="15">
        <v>6</v>
      </c>
    </row>
    <row r="146" spans="1:21" ht="18.75" x14ac:dyDescent="0.15">
      <c r="A146" s="16" t="s">
        <v>89</v>
      </c>
      <c r="B146" s="16" t="s">
        <v>35</v>
      </c>
      <c r="C146" s="17">
        <v>2</v>
      </c>
      <c r="D146" s="45" t="s">
        <v>86</v>
      </c>
      <c r="E146" s="8">
        <v>1152</v>
      </c>
      <c r="F146" s="8">
        <v>1086</v>
      </c>
      <c r="G146" s="8">
        <v>799</v>
      </c>
      <c r="H146" s="8">
        <v>133</v>
      </c>
      <c r="I146" s="8">
        <v>666</v>
      </c>
      <c r="J146" s="8">
        <v>233</v>
      </c>
      <c r="K146" s="8">
        <v>219</v>
      </c>
      <c r="L146" s="8">
        <v>7</v>
      </c>
      <c r="M146" s="8">
        <v>7</v>
      </c>
      <c r="N146" s="8">
        <v>54</v>
      </c>
      <c r="O146" s="8">
        <v>66</v>
      </c>
      <c r="P146" s="8">
        <v>47</v>
      </c>
      <c r="Q146" s="8">
        <v>17</v>
      </c>
      <c r="R146" s="8">
        <v>11</v>
      </c>
      <c r="S146" s="8">
        <v>5</v>
      </c>
      <c r="T146" s="8">
        <v>1</v>
      </c>
      <c r="U146" s="8">
        <v>2</v>
      </c>
    </row>
    <row r="147" spans="1:21" ht="18.75" x14ac:dyDescent="0.15">
      <c r="A147" s="16" t="s">
        <v>89</v>
      </c>
      <c r="B147" s="16" t="s">
        <v>35</v>
      </c>
      <c r="C147" s="17">
        <v>3</v>
      </c>
      <c r="D147" s="45" t="s">
        <v>85</v>
      </c>
      <c r="E147" s="18">
        <v>931</v>
      </c>
      <c r="F147" s="18">
        <v>857</v>
      </c>
      <c r="G147" s="18">
        <v>686</v>
      </c>
      <c r="H147" s="18">
        <v>69</v>
      </c>
      <c r="I147" s="18">
        <v>617</v>
      </c>
      <c r="J147" s="18">
        <v>139</v>
      </c>
      <c r="K147" s="18">
        <v>133</v>
      </c>
      <c r="L147" s="18">
        <v>3</v>
      </c>
      <c r="M147" s="18">
        <v>3</v>
      </c>
      <c r="N147" s="18">
        <v>32</v>
      </c>
      <c r="O147" s="18">
        <v>74</v>
      </c>
      <c r="P147" s="18">
        <v>53</v>
      </c>
      <c r="Q147" s="18">
        <v>17</v>
      </c>
      <c r="R147" s="18">
        <v>15</v>
      </c>
      <c r="S147" s="18">
        <v>2</v>
      </c>
      <c r="T147" s="18">
        <v>0</v>
      </c>
      <c r="U147" s="18">
        <v>4</v>
      </c>
    </row>
    <row r="148" spans="1:21" ht="18.75" x14ac:dyDescent="0.15">
      <c r="A148" s="16" t="s">
        <v>89</v>
      </c>
      <c r="B148" s="16" t="s">
        <v>34</v>
      </c>
      <c r="C148" s="17">
        <v>1</v>
      </c>
      <c r="D148" s="46" t="s">
        <v>87</v>
      </c>
      <c r="E148" s="15">
        <v>1011</v>
      </c>
      <c r="F148" s="15">
        <v>890</v>
      </c>
      <c r="G148" s="15">
        <v>622</v>
      </c>
      <c r="H148" s="15">
        <v>107</v>
      </c>
      <c r="I148" s="15">
        <v>515</v>
      </c>
      <c r="J148" s="15">
        <v>244</v>
      </c>
      <c r="K148" s="15">
        <v>230</v>
      </c>
      <c r="L148" s="15">
        <v>11</v>
      </c>
      <c r="M148" s="15">
        <v>3</v>
      </c>
      <c r="N148" s="15">
        <v>24</v>
      </c>
      <c r="O148" s="15">
        <v>121</v>
      </c>
      <c r="P148" s="15">
        <v>92</v>
      </c>
      <c r="Q148" s="15">
        <v>29</v>
      </c>
      <c r="R148" s="15">
        <v>22</v>
      </c>
      <c r="S148" s="15">
        <v>6</v>
      </c>
      <c r="T148" s="15">
        <v>1</v>
      </c>
      <c r="U148" s="15">
        <v>0</v>
      </c>
    </row>
    <row r="149" spans="1:21" ht="18.75" x14ac:dyDescent="0.15">
      <c r="A149" s="16" t="s">
        <v>89</v>
      </c>
      <c r="B149" s="16" t="s">
        <v>34</v>
      </c>
      <c r="C149" s="17">
        <v>2</v>
      </c>
      <c r="D149" s="45" t="s">
        <v>86</v>
      </c>
      <c r="E149" s="8">
        <v>561</v>
      </c>
      <c r="F149" s="8">
        <v>494</v>
      </c>
      <c r="G149" s="8">
        <v>337</v>
      </c>
      <c r="H149" s="8">
        <v>57</v>
      </c>
      <c r="I149" s="8">
        <v>280</v>
      </c>
      <c r="J149" s="8">
        <v>141</v>
      </c>
      <c r="K149" s="8">
        <v>128</v>
      </c>
      <c r="L149" s="8">
        <v>10</v>
      </c>
      <c r="M149" s="8">
        <v>3</v>
      </c>
      <c r="N149" s="8">
        <v>16</v>
      </c>
      <c r="O149" s="8">
        <v>67</v>
      </c>
      <c r="P149" s="8">
        <v>53</v>
      </c>
      <c r="Q149" s="8">
        <v>14</v>
      </c>
      <c r="R149" s="8">
        <v>11</v>
      </c>
      <c r="S149" s="8">
        <v>3</v>
      </c>
      <c r="T149" s="8">
        <v>0</v>
      </c>
      <c r="U149" s="8">
        <v>0</v>
      </c>
    </row>
    <row r="150" spans="1:21" ht="18.75" x14ac:dyDescent="0.15">
      <c r="A150" s="16" t="s">
        <v>89</v>
      </c>
      <c r="B150" s="16" t="s">
        <v>34</v>
      </c>
      <c r="C150" s="17">
        <v>3</v>
      </c>
      <c r="D150" s="45" t="s">
        <v>85</v>
      </c>
      <c r="E150" s="18">
        <v>450</v>
      </c>
      <c r="F150" s="18">
        <v>396</v>
      </c>
      <c r="G150" s="18">
        <v>285</v>
      </c>
      <c r="H150" s="18">
        <v>50</v>
      </c>
      <c r="I150" s="18">
        <v>235</v>
      </c>
      <c r="J150" s="18">
        <v>103</v>
      </c>
      <c r="K150" s="18">
        <v>102</v>
      </c>
      <c r="L150" s="18">
        <v>1</v>
      </c>
      <c r="M150" s="18">
        <v>0</v>
      </c>
      <c r="N150" s="18">
        <v>8</v>
      </c>
      <c r="O150" s="18">
        <v>54</v>
      </c>
      <c r="P150" s="18">
        <v>39</v>
      </c>
      <c r="Q150" s="18">
        <v>15</v>
      </c>
      <c r="R150" s="18">
        <v>11</v>
      </c>
      <c r="S150" s="18">
        <v>3</v>
      </c>
      <c r="T150" s="18">
        <v>1</v>
      </c>
      <c r="U150" s="18">
        <v>0</v>
      </c>
    </row>
    <row r="151" spans="1:21" ht="18.75" x14ac:dyDescent="0.15">
      <c r="A151" s="16" t="s">
        <v>89</v>
      </c>
      <c r="B151" s="16" t="s">
        <v>33</v>
      </c>
      <c r="C151" s="17">
        <v>1</v>
      </c>
      <c r="D151" s="46" t="s">
        <v>87</v>
      </c>
      <c r="E151" s="15">
        <v>5302</v>
      </c>
      <c r="F151" s="15">
        <v>4912</v>
      </c>
      <c r="G151" s="15">
        <v>4348</v>
      </c>
      <c r="H151" s="15">
        <v>322</v>
      </c>
      <c r="I151" s="15">
        <v>4026</v>
      </c>
      <c r="J151" s="15">
        <v>464</v>
      </c>
      <c r="K151" s="15">
        <v>399</v>
      </c>
      <c r="L151" s="15">
        <v>57</v>
      </c>
      <c r="M151" s="15">
        <v>8</v>
      </c>
      <c r="N151" s="15">
        <v>100</v>
      </c>
      <c r="O151" s="15">
        <v>390</v>
      </c>
      <c r="P151" s="15">
        <v>345</v>
      </c>
      <c r="Q151" s="15">
        <v>37</v>
      </c>
      <c r="R151" s="15">
        <v>20</v>
      </c>
      <c r="S151" s="15">
        <v>15</v>
      </c>
      <c r="T151" s="15">
        <v>2</v>
      </c>
      <c r="U151" s="15">
        <v>8</v>
      </c>
    </row>
    <row r="152" spans="1:21" ht="18.75" x14ac:dyDescent="0.15">
      <c r="A152" s="16" t="s">
        <v>89</v>
      </c>
      <c r="B152" s="16" t="s">
        <v>33</v>
      </c>
      <c r="C152" s="17">
        <v>2</v>
      </c>
      <c r="D152" s="45" t="s">
        <v>86</v>
      </c>
      <c r="E152" s="8">
        <v>2846</v>
      </c>
      <c r="F152" s="8">
        <v>2655</v>
      </c>
      <c r="G152" s="8">
        <v>2247</v>
      </c>
      <c r="H152" s="8">
        <v>167</v>
      </c>
      <c r="I152" s="8">
        <v>2080</v>
      </c>
      <c r="J152" s="8">
        <v>352</v>
      </c>
      <c r="K152" s="8">
        <v>295</v>
      </c>
      <c r="L152" s="8">
        <v>50</v>
      </c>
      <c r="M152" s="8">
        <v>7</v>
      </c>
      <c r="N152" s="8">
        <v>56</v>
      </c>
      <c r="O152" s="8">
        <v>191</v>
      </c>
      <c r="P152" s="8">
        <v>175</v>
      </c>
      <c r="Q152" s="8">
        <v>13</v>
      </c>
      <c r="R152" s="8">
        <v>7</v>
      </c>
      <c r="S152" s="8">
        <v>4</v>
      </c>
      <c r="T152" s="8">
        <v>2</v>
      </c>
      <c r="U152" s="8">
        <v>3</v>
      </c>
    </row>
    <row r="153" spans="1:21" ht="18.75" x14ac:dyDescent="0.15">
      <c r="A153" s="16" t="s">
        <v>89</v>
      </c>
      <c r="B153" s="16" t="s">
        <v>33</v>
      </c>
      <c r="C153" s="17">
        <v>3</v>
      </c>
      <c r="D153" s="45" t="s">
        <v>85</v>
      </c>
      <c r="E153" s="18">
        <v>2456</v>
      </c>
      <c r="F153" s="18">
        <v>2257</v>
      </c>
      <c r="G153" s="18">
        <v>2101</v>
      </c>
      <c r="H153" s="18">
        <v>155</v>
      </c>
      <c r="I153" s="18">
        <v>1946</v>
      </c>
      <c r="J153" s="18">
        <v>112</v>
      </c>
      <c r="K153" s="18">
        <v>104</v>
      </c>
      <c r="L153" s="18">
        <v>7</v>
      </c>
      <c r="M153" s="18">
        <v>1</v>
      </c>
      <c r="N153" s="18">
        <v>44</v>
      </c>
      <c r="O153" s="18">
        <v>199</v>
      </c>
      <c r="P153" s="18">
        <v>170</v>
      </c>
      <c r="Q153" s="18">
        <v>24</v>
      </c>
      <c r="R153" s="18">
        <v>13</v>
      </c>
      <c r="S153" s="18">
        <v>11</v>
      </c>
      <c r="T153" s="18">
        <v>0</v>
      </c>
      <c r="U153" s="18">
        <v>5</v>
      </c>
    </row>
    <row r="154" spans="1:21" ht="18.75" x14ac:dyDescent="0.15">
      <c r="A154" s="16" t="s">
        <v>89</v>
      </c>
      <c r="B154" s="16" t="s">
        <v>32</v>
      </c>
      <c r="C154" s="17">
        <v>1</v>
      </c>
      <c r="D154" s="46" t="s">
        <v>87</v>
      </c>
      <c r="E154" s="15">
        <v>7110</v>
      </c>
      <c r="F154" s="15">
        <v>6620</v>
      </c>
      <c r="G154" s="15">
        <v>5479</v>
      </c>
      <c r="H154" s="15">
        <v>393</v>
      </c>
      <c r="I154" s="15">
        <v>5086</v>
      </c>
      <c r="J154" s="15">
        <v>961</v>
      </c>
      <c r="K154" s="15">
        <v>874</v>
      </c>
      <c r="L154" s="15">
        <v>66</v>
      </c>
      <c r="M154" s="15">
        <v>21</v>
      </c>
      <c r="N154" s="15">
        <v>180</v>
      </c>
      <c r="O154" s="15">
        <v>490</v>
      </c>
      <c r="P154" s="15">
        <v>394</v>
      </c>
      <c r="Q154" s="15">
        <v>74</v>
      </c>
      <c r="R154" s="15">
        <v>57</v>
      </c>
      <c r="S154" s="15">
        <v>16</v>
      </c>
      <c r="T154" s="15">
        <v>1</v>
      </c>
      <c r="U154" s="15">
        <v>22</v>
      </c>
    </row>
    <row r="155" spans="1:21" ht="18.75" x14ac:dyDescent="0.15">
      <c r="A155" s="16" t="s">
        <v>89</v>
      </c>
      <c r="B155" s="16" t="s">
        <v>32</v>
      </c>
      <c r="C155" s="17">
        <v>2</v>
      </c>
      <c r="D155" s="45" t="s">
        <v>86</v>
      </c>
      <c r="E155" s="8">
        <v>3925</v>
      </c>
      <c r="F155" s="8">
        <v>3667</v>
      </c>
      <c r="G155" s="8">
        <v>2907</v>
      </c>
      <c r="H155" s="8">
        <v>223</v>
      </c>
      <c r="I155" s="8">
        <v>2684</v>
      </c>
      <c r="J155" s="8">
        <v>660</v>
      </c>
      <c r="K155" s="8">
        <v>597</v>
      </c>
      <c r="L155" s="8">
        <v>51</v>
      </c>
      <c r="M155" s="8">
        <v>12</v>
      </c>
      <c r="N155" s="8">
        <v>100</v>
      </c>
      <c r="O155" s="8">
        <v>258</v>
      </c>
      <c r="P155" s="8">
        <v>203</v>
      </c>
      <c r="Q155" s="8">
        <v>35</v>
      </c>
      <c r="R155" s="8">
        <v>25</v>
      </c>
      <c r="S155" s="8">
        <v>9</v>
      </c>
      <c r="T155" s="8">
        <v>1</v>
      </c>
      <c r="U155" s="8">
        <v>20</v>
      </c>
    </row>
    <row r="156" spans="1:21" ht="18.75" x14ac:dyDescent="0.15">
      <c r="A156" s="16" t="s">
        <v>89</v>
      </c>
      <c r="B156" s="16" t="s">
        <v>32</v>
      </c>
      <c r="C156" s="17">
        <v>3</v>
      </c>
      <c r="D156" s="45" t="s">
        <v>85</v>
      </c>
      <c r="E156" s="18">
        <v>3185</v>
      </c>
      <c r="F156" s="18">
        <v>2953</v>
      </c>
      <c r="G156" s="18">
        <v>2572</v>
      </c>
      <c r="H156" s="18">
        <v>170</v>
      </c>
      <c r="I156" s="18">
        <v>2402</v>
      </c>
      <c r="J156" s="18">
        <v>301</v>
      </c>
      <c r="K156" s="18">
        <v>277</v>
      </c>
      <c r="L156" s="18">
        <v>15</v>
      </c>
      <c r="M156" s="18">
        <v>9</v>
      </c>
      <c r="N156" s="18">
        <v>80</v>
      </c>
      <c r="O156" s="18">
        <v>232</v>
      </c>
      <c r="P156" s="18">
        <v>191</v>
      </c>
      <c r="Q156" s="18">
        <v>39</v>
      </c>
      <c r="R156" s="18">
        <v>32</v>
      </c>
      <c r="S156" s="18">
        <v>7</v>
      </c>
      <c r="T156" s="18">
        <v>0</v>
      </c>
      <c r="U156" s="18">
        <v>2</v>
      </c>
    </row>
    <row r="157" spans="1:21" ht="18.75" x14ac:dyDescent="0.15">
      <c r="A157" s="16" t="s">
        <v>91</v>
      </c>
      <c r="B157" s="16" t="s">
        <v>31</v>
      </c>
      <c r="C157" s="17">
        <v>1</v>
      </c>
      <c r="D157" s="46" t="s">
        <v>87</v>
      </c>
      <c r="E157" s="15">
        <v>149</v>
      </c>
      <c r="F157" s="15">
        <v>138</v>
      </c>
      <c r="G157" s="15">
        <v>118</v>
      </c>
      <c r="H157" s="15">
        <v>22</v>
      </c>
      <c r="I157" s="15">
        <v>96</v>
      </c>
      <c r="J157" s="15">
        <v>8</v>
      </c>
      <c r="K157" s="15">
        <v>8</v>
      </c>
      <c r="L157" s="15">
        <v>0</v>
      </c>
      <c r="M157" s="15">
        <v>0</v>
      </c>
      <c r="N157" s="15">
        <v>12</v>
      </c>
      <c r="O157" s="15">
        <v>11</v>
      </c>
      <c r="P157" s="15">
        <v>9</v>
      </c>
      <c r="Q157" s="15">
        <v>2</v>
      </c>
      <c r="R157" s="15">
        <v>0</v>
      </c>
      <c r="S157" s="15">
        <v>0</v>
      </c>
      <c r="T157" s="15">
        <v>2</v>
      </c>
      <c r="U157" s="15">
        <v>0</v>
      </c>
    </row>
    <row r="158" spans="1:21" ht="18.75" x14ac:dyDescent="0.15">
      <c r="A158" s="16" t="s">
        <v>92</v>
      </c>
      <c r="B158" s="16" t="s">
        <v>31</v>
      </c>
      <c r="C158" s="17">
        <v>2</v>
      </c>
      <c r="D158" s="45" t="s">
        <v>86</v>
      </c>
      <c r="E158" s="8">
        <v>88</v>
      </c>
      <c r="F158" s="8">
        <v>81</v>
      </c>
      <c r="G158" s="8">
        <v>69</v>
      </c>
      <c r="H158" s="8">
        <v>16</v>
      </c>
      <c r="I158" s="8">
        <v>53</v>
      </c>
      <c r="J158" s="8">
        <v>6</v>
      </c>
      <c r="K158" s="8">
        <v>6</v>
      </c>
      <c r="L158" s="8">
        <v>0</v>
      </c>
      <c r="M158" s="8">
        <v>0</v>
      </c>
      <c r="N158" s="8">
        <v>6</v>
      </c>
      <c r="O158" s="8">
        <v>7</v>
      </c>
      <c r="P158" s="8">
        <v>5</v>
      </c>
      <c r="Q158" s="8">
        <v>2</v>
      </c>
      <c r="R158" s="8">
        <v>0</v>
      </c>
      <c r="S158" s="8">
        <v>0</v>
      </c>
      <c r="T158" s="8">
        <v>2</v>
      </c>
      <c r="U158" s="8">
        <v>0</v>
      </c>
    </row>
    <row r="159" spans="1:21" ht="18.75" x14ac:dyDescent="0.15">
      <c r="A159" s="16" t="s">
        <v>91</v>
      </c>
      <c r="B159" s="16" t="s">
        <v>31</v>
      </c>
      <c r="C159" s="17">
        <v>3</v>
      </c>
      <c r="D159" s="45" t="s">
        <v>85</v>
      </c>
      <c r="E159" s="18">
        <v>61</v>
      </c>
      <c r="F159" s="18">
        <v>57</v>
      </c>
      <c r="G159" s="18">
        <v>49</v>
      </c>
      <c r="H159" s="18">
        <v>6</v>
      </c>
      <c r="I159" s="18">
        <v>43</v>
      </c>
      <c r="J159" s="18">
        <v>2</v>
      </c>
      <c r="K159" s="18">
        <v>2</v>
      </c>
      <c r="L159" s="18">
        <v>0</v>
      </c>
      <c r="M159" s="18">
        <v>0</v>
      </c>
      <c r="N159" s="18">
        <v>6</v>
      </c>
      <c r="O159" s="18">
        <v>4</v>
      </c>
      <c r="P159" s="18">
        <v>4</v>
      </c>
      <c r="Q159" s="18">
        <v>0</v>
      </c>
      <c r="R159" s="18">
        <v>0</v>
      </c>
      <c r="S159" s="18">
        <v>0</v>
      </c>
      <c r="T159" s="18">
        <v>0</v>
      </c>
      <c r="U159" s="18">
        <v>0</v>
      </c>
    </row>
    <row r="160" spans="1:21" ht="18.75" x14ac:dyDescent="0.15">
      <c r="A160" s="16" t="s">
        <v>91</v>
      </c>
      <c r="B160" s="16" t="s">
        <v>30</v>
      </c>
      <c r="C160" s="17">
        <v>1</v>
      </c>
      <c r="D160" s="46" t="s">
        <v>87</v>
      </c>
      <c r="E160" s="15">
        <v>145</v>
      </c>
      <c r="F160" s="15">
        <v>136</v>
      </c>
      <c r="G160" s="15">
        <v>128</v>
      </c>
      <c r="H160" s="15">
        <v>22</v>
      </c>
      <c r="I160" s="15">
        <v>106</v>
      </c>
      <c r="J160" s="15">
        <v>6</v>
      </c>
      <c r="K160" s="15">
        <v>4</v>
      </c>
      <c r="L160" s="15">
        <v>1</v>
      </c>
      <c r="M160" s="15">
        <v>1</v>
      </c>
      <c r="N160" s="15">
        <v>2</v>
      </c>
      <c r="O160" s="15">
        <v>9</v>
      </c>
      <c r="P160" s="15">
        <v>9</v>
      </c>
      <c r="Q160" s="15">
        <v>0</v>
      </c>
      <c r="R160" s="15">
        <v>0</v>
      </c>
      <c r="S160" s="15">
        <v>0</v>
      </c>
      <c r="T160" s="15">
        <v>0</v>
      </c>
      <c r="U160" s="15">
        <v>0</v>
      </c>
    </row>
    <row r="161" spans="1:21" ht="18.75" x14ac:dyDescent="0.15">
      <c r="A161" s="16" t="s">
        <v>91</v>
      </c>
      <c r="B161" s="16" t="s">
        <v>30</v>
      </c>
      <c r="C161" s="17">
        <v>2</v>
      </c>
      <c r="D161" s="45" t="s">
        <v>86</v>
      </c>
      <c r="E161" s="8">
        <v>82</v>
      </c>
      <c r="F161" s="8">
        <v>77</v>
      </c>
      <c r="G161" s="8">
        <v>72</v>
      </c>
      <c r="H161" s="8">
        <v>14</v>
      </c>
      <c r="I161" s="8">
        <v>58</v>
      </c>
      <c r="J161" s="8">
        <v>4</v>
      </c>
      <c r="K161" s="8">
        <v>3</v>
      </c>
      <c r="L161" s="8">
        <v>1</v>
      </c>
      <c r="M161" s="8">
        <v>0</v>
      </c>
      <c r="N161" s="8">
        <v>1</v>
      </c>
      <c r="O161" s="8">
        <v>5</v>
      </c>
      <c r="P161" s="8">
        <v>5</v>
      </c>
      <c r="Q161" s="8">
        <v>0</v>
      </c>
      <c r="R161" s="8">
        <v>0</v>
      </c>
      <c r="S161" s="8">
        <v>0</v>
      </c>
      <c r="T161" s="8">
        <v>0</v>
      </c>
      <c r="U161" s="8">
        <v>0</v>
      </c>
    </row>
    <row r="162" spans="1:21" ht="18.75" x14ac:dyDescent="0.15">
      <c r="A162" s="16" t="s">
        <v>92</v>
      </c>
      <c r="B162" s="16" t="s">
        <v>30</v>
      </c>
      <c r="C162" s="17">
        <v>3</v>
      </c>
      <c r="D162" s="45" t="s">
        <v>85</v>
      </c>
      <c r="E162" s="18">
        <v>63</v>
      </c>
      <c r="F162" s="18">
        <v>59</v>
      </c>
      <c r="G162" s="18">
        <v>56</v>
      </c>
      <c r="H162" s="18">
        <v>8</v>
      </c>
      <c r="I162" s="18">
        <v>48</v>
      </c>
      <c r="J162" s="18">
        <v>2</v>
      </c>
      <c r="K162" s="18">
        <v>1</v>
      </c>
      <c r="L162" s="18">
        <v>0</v>
      </c>
      <c r="M162" s="18">
        <v>1</v>
      </c>
      <c r="N162" s="18">
        <v>1</v>
      </c>
      <c r="O162" s="18">
        <v>4</v>
      </c>
      <c r="P162" s="18">
        <v>4</v>
      </c>
      <c r="Q162" s="18">
        <v>0</v>
      </c>
      <c r="R162" s="18">
        <v>0</v>
      </c>
      <c r="S162" s="18">
        <v>0</v>
      </c>
      <c r="T162" s="18">
        <v>0</v>
      </c>
      <c r="U162" s="18">
        <v>0</v>
      </c>
    </row>
    <row r="163" spans="1:21" ht="18.75" x14ac:dyDescent="0.15">
      <c r="A163" s="16" t="s">
        <v>91</v>
      </c>
      <c r="B163" s="7" t="s">
        <v>129</v>
      </c>
      <c r="C163" s="17">
        <v>1</v>
      </c>
      <c r="D163" s="46" t="s">
        <v>87</v>
      </c>
      <c r="E163" s="15">
        <v>885</v>
      </c>
      <c r="F163" s="15">
        <v>823</v>
      </c>
      <c r="G163" s="15">
        <v>765</v>
      </c>
      <c r="H163" s="15">
        <v>107</v>
      </c>
      <c r="I163" s="15">
        <v>658</v>
      </c>
      <c r="J163" s="15">
        <v>56</v>
      </c>
      <c r="K163" s="15">
        <v>50</v>
      </c>
      <c r="L163" s="15">
        <v>5</v>
      </c>
      <c r="M163" s="15">
        <v>1</v>
      </c>
      <c r="N163" s="15">
        <v>2</v>
      </c>
      <c r="O163" s="15">
        <v>62</v>
      </c>
      <c r="P163" s="15">
        <v>57</v>
      </c>
      <c r="Q163" s="15">
        <v>5</v>
      </c>
      <c r="R163" s="15">
        <v>1</v>
      </c>
      <c r="S163" s="15">
        <v>4</v>
      </c>
      <c r="T163" s="15">
        <v>0</v>
      </c>
      <c r="U163" s="15">
        <v>0</v>
      </c>
    </row>
    <row r="164" spans="1:21" ht="18.75" x14ac:dyDescent="0.15">
      <c r="A164" s="16" t="s">
        <v>92</v>
      </c>
      <c r="B164" s="7" t="s">
        <v>129</v>
      </c>
      <c r="C164" s="17">
        <v>2</v>
      </c>
      <c r="D164" s="45" t="s">
        <v>86</v>
      </c>
      <c r="E164" s="8">
        <v>499</v>
      </c>
      <c r="F164" s="8">
        <v>464</v>
      </c>
      <c r="G164" s="8">
        <v>415</v>
      </c>
      <c r="H164" s="8">
        <v>69</v>
      </c>
      <c r="I164" s="8">
        <v>346</v>
      </c>
      <c r="J164" s="8">
        <v>47</v>
      </c>
      <c r="K164" s="8">
        <v>44</v>
      </c>
      <c r="L164" s="8">
        <v>2</v>
      </c>
      <c r="M164" s="8">
        <v>1</v>
      </c>
      <c r="N164" s="8">
        <v>2</v>
      </c>
      <c r="O164" s="8">
        <v>35</v>
      </c>
      <c r="P164" s="8">
        <v>33</v>
      </c>
      <c r="Q164" s="8">
        <v>2</v>
      </c>
      <c r="R164" s="8">
        <v>0</v>
      </c>
      <c r="S164" s="8">
        <v>2</v>
      </c>
      <c r="T164" s="8">
        <v>0</v>
      </c>
      <c r="U164" s="8">
        <v>0</v>
      </c>
    </row>
    <row r="165" spans="1:21" ht="18.75" x14ac:dyDescent="0.15">
      <c r="A165" s="16" t="s">
        <v>91</v>
      </c>
      <c r="B165" s="7" t="s">
        <v>129</v>
      </c>
      <c r="C165" s="17">
        <v>3</v>
      </c>
      <c r="D165" s="45" t="s">
        <v>85</v>
      </c>
      <c r="E165" s="18">
        <v>386</v>
      </c>
      <c r="F165" s="18">
        <v>359</v>
      </c>
      <c r="G165" s="18">
        <v>350</v>
      </c>
      <c r="H165" s="18">
        <v>38</v>
      </c>
      <c r="I165" s="18">
        <v>312</v>
      </c>
      <c r="J165" s="18">
        <v>9</v>
      </c>
      <c r="K165" s="18">
        <v>6</v>
      </c>
      <c r="L165" s="18">
        <v>3</v>
      </c>
      <c r="M165" s="18">
        <v>0</v>
      </c>
      <c r="N165" s="18">
        <v>0</v>
      </c>
      <c r="O165" s="18">
        <v>27</v>
      </c>
      <c r="P165" s="18">
        <v>24</v>
      </c>
      <c r="Q165" s="18">
        <v>3</v>
      </c>
      <c r="R165" s="18">
        <v>1</v>
      </c>
      <c r="S165" s="18">
        <v>2</v>
      </c>
      <c r="T165" s="18">
        <v>0</v>
      </c>
      <c r="U165" s="18">
        <v>0</v>
      </c>
    </row>
    <row r="166" spans="1:21" ht="18.75" x14ac:dyDescent="0.15">
      <c r="A166" s="16" t="s">
        <v>92</v>
      </c>
      <c r="B166" s="16" t="s">
        <v>29</v>
      </c>
      <c r="C166" s="17">
        <v>1</v>
      </c>
      <c r="D166" s="46" t="s">
        <v>87</v>
      </c>
      <c r="E166" s="15">
        <v>6308</v>
      </c>
      <c r="F166" s="15">
        <v>5827</v>
      </c>
      <c r="G166" s="15">
        <v>5316</v>
      </c>
      <c r="H166" s="15">
        <v>449</v>
      </c>
      <c r="I166" s="15">
        <v>4867</v>
      </c>
      <c r="J166" s="15">
        <v>371</v>
      </c>
      <c r="K166" s="15">
        <v>276</v>
      </c>
      <c r="L166" s="15">
        <v>79</v>
      </c>
      <c r="M166" s="15">
        <v>16</v>
      </c>
      <c r="N166" s="15">
        <v>140</v>
      </c>
      <c r="O166" s="15">
        <v>481</v>
      </c>
      <c r="P166" s="15">
        <v>418</v>
      </c>
      <c r="Q166" s="15">
        <v>53</v>
      </c>
      <c r="R166" s="15">
        <v>29</v>
      </c>
      <c r="S166" s="15">
        <v>22</v>
      </c>
      <c r="T166" s="15">
        <v>2</v>
      </c>
      <c r="U166" s="15">
        <v>10</v>
      </c>
    </row>
    <row r="167" spans="1:21" ht="18.75" x14ac:dyDescent="0.15">
      <c r="A167" s="16" t="s">
        <v>92</v>
      </c>
      <c r="B167" s="16" t="s">
        <v>29</v>
      </c>
      <c r="C167" s="17">
        <v>2</v>
      </c>
      <c r="D167" s="45" t="s">
        <v>86</v>
      </c>
      <c r="E167" s="8">
        <v>3373</v>
      </c>
      <c r="F167" s="8">
        <v>3135</v>
      </c>
      <c r="G167" s="8">
        <v>2743</v>
      </c>
      <c r="H167" s="8">
        <v>243</v>
      </c>
      <c r="I167" s="8">
        <v>2500</v>
      </c>
      <c r="J167" s="8">
        <v>314</v>
      </c>
      <c r="K167" s="8">
        <v>233</v>
      </c>
      <c r="L167" s="8">
        <v>69</v>
      </c>
      <c r="M167" s="8">
        <v>12</v>
      </c>
      <c r="N167" s="8">
        <v>78</v>
      </c>
      <c r="O167" s="8">
        <v>238</v>
      </c>
      <c r="P167" s="8">
        <v>213</v>
      </c>
      <c r="Q167" s="8">
        <v>18</v>
      </c>
      <c r="R167" s="8">
        <v>10</v>
      </c>
      <c r="S167" s="8">
        <v>7</v>
      </c>
      <c r="T167" s="8">
        <v>1</v>
      </c>
      <c r="U167" s="8">
        <v>7</v>
      </c>
    </row>
    <row r="168" spans="1:21" ht="18.75" x14ac:dyDescent="0.15">
      <c r="A168" s="16" t="s">
        <v>92</v>
      </c>
      <c r="B168" s="16" t="s">
        <v>29</v>
      </c>
      <c r="C168" s="17">
        <v>3</v>
      </c>
      <c r="D168" s="45" t="s">
        <v>85</v>
      </c>
      <c r="E168" s="18">
        <v>2935</v>
      </c>
      <c r="F168" s="18">
        <v>2692</v>
      </c>
      <c r="G168" s="18">
        <v>2573</v>
      </c>
      <c r="H168" s="18">
        <v>206</v>
      </c>
      <c r="I168" s="18">
        <v>2367</v>
      </c>
      <c r="J168" s="18">
        <v>57</v>
      </c>
      <c r="K168" s="18">
        <v>43</v>
      </c>
      <c r="L168" s="18">
        <v>10</v>
      </c>
      <c r="M168" s="18">
        <v>4</v>
      </c>
      <c r="N168" s="18">
        <v>62</v>
      </c>
      <c r="O168" s="18">
        <v>243</v>
      </c>
      <c r="P168" s="18">
        <v>205</v>
      </c>
      <c r="Q168" s="18">
        <v>35</v>
      </c>
      <c r="R168" s="18">
        <v>19</v>
      </c>
      <c r="S168" s="18">
        <v>15</v>
      </c>
      <c r="T168" s="18">
        <v>1</v>
      </c>
      <c r="U168" s="18">
        <v>3</v>
      </c>
    </row>
    <row r="169" spans="1:21" ht="18.75" x14ac:dyDescent="0.15">
      <c r="A169" s="16" t="s">
        <v>91</v>
      </c>
      <c r="B169" s="16" t="s">
        <v>28</v>
      </c>
      <c r="C169" s="17">
        <v>1</v>
      </c>
      <c r="D169" s="46" t="s">
        <v>87</v>
      </c>
      <c r="E169" s="15">
        <v>4166</v>
      </c>
      <c r="F169" s="15">
        <v>3848</v>
      </c>
      <c r="G169" s="15">
        <v>3519</v>
      </c>
      <c r="H169" s="15">
        <v>272</v>
      </c>
      <c r="I169" s="15">
        <v>3247</v>
      </c>
      <c r="J169" s="15">
        <v>285</v>
      </c>
      <c r="K169" s="15">
        <v>223</v>
      </c>
      <c r="L169" s="15">
        <v>59</v>
      </c>
      <c r="M169" s="15">
        <v>3</v>
      </c>
      <c r="N169" s="15">
        <v>44</v>
      </c>
      <c r="O169" s="15">
        <v>318</v>
      </c>
      <c r="P169" s="15">
        <v>288</v>
      </c>
      <c r="Q169" s="15">
        <v>24</v>
      </c>
      <c r="R169" s="15">
        <v>11</v>
      </c>
      <c r="S169" s="15">
        <v>12</v>
      </c>
      <c r="T169" s="15">
        <v>1</v>
      </c>
      <c r="U169" s="15">
        <v>6</v>
      </c>
    </row>
    <row r="170" spans="1:21" ht="18.75" x14ac:dyDescent="0.15">
      <c r="A170" s="16" t="s">
        <v>92</v>
      </c>
      <c r="B170" s="16" t="s">
        <v>28</v>
      </c>
      <c r="C170" s="17">
        <v>2</v>
      </c>
      <c r="D170" s="45" t="s">
        <v>86</v>
      </c>
      <c r="E170" s="8">
        <v>2302</v>
      </c>
      <c r="F170" s="8">
        <v>2122</v>
      </c>
      <c r="G170" s="8">
        <v>1863</v>
      </c>
      <c r="H170" s="8">
        <v>161</v>
      </c>
      <c r="I170" s="8">
        <v>1702</v>
      </c>
      <c r="J170" s="8">
        <v>235</v>
      </c>
      <c r="K170" s="8">
        <v>183</v>
      </c>
      <c r="L170" s="8">
        <v>51</v>
      </c>
      <c r="M170" s="8">
        <v>1</v>
      </c>
      <c r="N170" s="8">
        <v>24</v>
      </c>
      <c r="O170" s="8">
        <v>180</v>
      </c>
      <c r="P170" s="8">
        <v>165</v>
      </c>
      <c r="Q170" s="8">
        <v>12</v>
      </c>
      <c r="R170" s="8">
        <v>3</v>
      </c>
      <c r="S170" s="8">
        <v>9</v>
      </c>
      <c r="T170" s="8">
        <v>0</v>
      </c>
      <c r="U170" s="8">
        <v>3</v>
      </c>
    </row>
    <row r="171" spans="1:21" ht="18.75" x14ac:dyDescent="0.15">
      <c r="A171" s="16" t="s">
        <v>91</v>
      </c>
      <c r="B171" s="16" t="s">
        <v>28</v>
      </c>
      <c r="C171" s="17">
        <v>3</v>
      </c>
      <c r="D171" s="45" t="s">
        <v>85</v>
      </c>
      <c r="E171" s="18">
        <v>1864</v>
      </c>
      <c r="F171" s="18">
        <v>1726</v>
      </c>
      <c r="G171" s="18">
        <v>1656</v>
      </c>
      <c r="H171" s="18">
        <v>111</v>
      </c>
      <c r="I171" s="18">
        <v>1545</v>
      </c>
      <c r="J171" s="18">
        <v>50</v>
      </c>
      <c r="K171" s="18">
        <v>40</v>
      </c>
      <c r="L171" s="18">
        <v>8</v>
      </c>
      <c r="M171" s="18">
        <v>2</v>
      </c>
      <c r="N171" s="18">
        <v>20</v>
      </c>
      <c r="O171" s="18">
        <v>138</v>
      </c>
      <c r="P171" s="18">
        <v>123</v>
      </c>
      <c r="Q171" s="18">
        <v>12</v>
      </c>
      <c r="R171" s="18">
        <v>8</v>
      </c>
      <c r="S171" s="18">
        <v>3</v>
      </c>
      <c r="T171" s="18">
        <v>1</v>
      </c>
      <c r="U171" s="18">
        <v>3</v>
      </c>
    </row>
    <row r="172" spans="1:21" ht="18.75" x14ac:dyDescent="0.15">
      <c r="A172" s="16" t="s">
        <v>25</v>
      </c>
      <c r="B172" s="16" t="s">
        <v>27</v>
      </c>
      <c r="C172" s="17">
        <v>1</v>
      </c>
      <c r="D172" s="46" t="s">
        <v>87</v>
      </c>
      <c r="E172" s="15">
        <v>1370</v>
      </c>
      <c r="F172" s="15">
        <v>1264</v>
      </c>
      <c r="G172" s="15">
        <v>1072</v>
      </c>
      <c r="H172" s="15">
        <v>100</v>
      </c>
      <c r="I172" s="15">
        <v>972</v>
      </c>
      <c r="J172" s="15">
        <v>168</v>
      </c>
      <c r="K172" s="15">
        <v>152</v>
      </c>
      <c r="L172" s="15">
        <v>9</v>
      </c>
      <c r="M172" s="15">
        <v>7</v>
      </c>
      <c r="N172" s="15">
        <v>24</v>
      </c>
      <c r="O172" s="15">
        <v>106</v>
      </c>
      <c r="P172" s="15">
        <v>90</v>
      </c>
      <c r="Q172" s="15">
        <v>16</v>
      </c>
      <c r="R172" s="15">
        <v>11</v>
      </c>
      <c r="S172" s="15">
        <v>4</v>
      </c>
      <c r="T172" s="15">
        <v>1</v>
      </c>
      <c r="U172" s="15">
        <v>0</v>
      </c>
    </row>
    <row r="173" spans="1:21" ht="18.75" x14ac:dyDescent="0.15">
      <c r="A173" s="16" t="s">
        <v>25</v>
      </c>
      <c r="B173" s="16" t="s">
        <v>27</v>
      </c>
      <c r="C173" s="17">
        <v>2</v>
      </c>
      <c r="D173" s="45" t="s">
        <v>86</v>
      </c>
      <c r="E173" s="8">
        <v>713</v>
      </c>
      <c r="F173" s="8">
        <v>663</v>
      </c>
      <c r="G173" s="8">
        <v>557</v>
      </c>
      <c r="H173" s="8">
        <v>50</v>
      </c>
      <c r="I173" s="8">
        <v>507</v>
      </c>
      <c r="J173" s="8">
        <v>96</v>
      </c>
      <c r="K173" s="8">
        <v>85</v>
      </c>
      <c r="L173" s="8">
        <v>7</v>
      </c>
      <c r="M173" s="8">
        <v>4</v>
      </c>
      <c r="N173" s="8">
        <v>10</v>
      </c>
      <c r="O173" s="8">
        <v>50</v>
      </c>
      <c r="P173" s="8">
        <v>44</v>
      </c>
      <c r="Q173" s="8">
        <v>6</v>
      </c>
      <c r="R173" s="8">
        <v>2</v>
      </c>
      <c r="S173" s="8">
        <v>4</v>
      </c>
      <c r="T173" s="8">
        <v>0</v>
      </c>
      <c r="U173" s="8">
        <v>0</v>
      </c>
    </row>
    <row r="174" spans="1:21" ht="18.75" x14ac:dyDescent="0.15">
      <c r="A174" s="16" t="s">
        <v>25</v>
      </c>
      <c r="B174" s="16" t="s">
        <v>27</v>
      </c>
      <c r="C174" s="17">
        <v>3</v>
      </c>
      <c r="D174" s="45" t="s">
        <v>85</v>
      </c>
      <c r="E174" s="18">
        <v>657</v>
      </c>
      <c r="F174" s="18">
        <v>601</v>
      </c>
      <c r="G174" s="18">
        <v>515</v>
      </c>
      <c r="H174" s="18">
        <v>50</v>
      </c>
      <c r="I174" s="18">
        <v>465</v>
      </c>
      <c r="J174" s="18">
        <v>72</v>
      </c>
      <c r="K174" s="18">
        <v>67</v>
      </c>
      <c r="L174" s="18">
        <v>2</v>
      </c>
      <c r="M174" s="18">
        <v>3</v>
      </c>
      <c r="N174" s="18">
        <v>14</v>
      </c>
      <c r="O174" s="18">
        <v>56</v>
      </c>
      <c r="P174" s="18">
        <v>46</v>
      </c>
      <c r="Q174" s="18">
        <v>10</v>
      </c>
      <c r="R174" s="18">
        <v>9</v>
      </c>
      <c r="S174" s="18">
        <v>0</v>
      </c>
      <c r="T174" s="18">
        <v>1</v>
      </c>
      <c r="U174" s="18">
        <v>0</v>
      </c>
    </row>
    <row r="175" spans="1:21" ht="18.75" x14ac:dyDescent="0.15">
      <c r="A175" s="16" t="s">
        <v>25</v>
      </c>
      <c r="B175" s="16" t="s">
        <v>105</v>
      </c>
      <c r="C175" s="17">
        <v>1</v>
      </c>
      <c r="D175" s="46" t="s">
        <v>87</v>
      </c>
      <c r="E175" s="15">
        <v>435</v>
      </c>
      <c r="F175" s="15">
        <v>418</v>
      </c>
      <c r="G175" s="15">
        <v>363</v>
      </c>
      <c r="H175" s="15">
        <v>70</v>
      </c>
      <c r="I175" s="15">
        <v>293</v>
      </c>
      <c r="J175" s="15">
        <v>50</v>
      </c>
      <c r="K175" s="15">
        <v>48</v>
      </c>
      <c r="L175" s="15">
        <v>1</v>
      </c>
      <c r="M175" s="15">
        <v>1</v>
      </c>
      <c r="N175" s="15">
        <v>5</v>
      </c>
      <c r="O175" s="15">
        <v>17</v>
      </c>
      <c r="P175" s="15">
        <v>12</v>
      </c>
      <c r="Q175" s="15">
        <v>5</v>
      </c>
      <c r="R175" s="15">
        <v>5</v>
      </c>
      <c r="S175" s="15">
        <v>0</v>
      </c>
      <c r="T175" s="15">
        <v>0</v>
      </c>
      <c r="U175" s="15">
        <v>0</v>
      </c>
    </row>
    <row r="176" spans="1:21" ht="18.75" x14ac:dyDescent="0.15">
      <c r="A176" s="16" t="s">
        <v>25</v>
      </c>
      <c r="B176" s="16" t="s">
        <v>106</v>
      </c>
      <c r="C176" s="17">
        <v>2</v>
      </c>
      <c r="D176" s="45" t="s">
        <v>86</v>
      </c>
      <c r="E176" s="8">
        <v>240</v>
      </c>
      <c r="F176" s="8">
        <v>231</v>
      </c>
      <c r="G176" s="8">
        <v>201</v>
      </c>
      <c r="H176" s="8">
        <v>37</v>
      </c>
      <c r="I176" s="8">
        <v>164</v>
      </c>
      <c r="J176" s="8">
        <v>28</v>
      </c>
      <c r="K176" s="8">
        <v>27</v>
      </c>
      <c r="L176" s="8">
        <v>1</v>
      </c>
      <c r="M176" s="8">
        <v>0</v>
      </c>
      <c r="N176" s="8">
        <v>2</v>
      </c>
      <c r="O176" s="8">
        <v>9</v>
      </c>
      <c r="P176" s="8">
        <v>8</v>
      </c>
      <c r="Q176" s="8">
        <v>1</v>
      </c>
      <c r="R176" s="8">
        <v>1</v>
      </c>
      <c r="S176" s="8">
        <v>0</v>
      </c>
      <c r="T176" s="8">
        <v>0</v>
      </c>
      <c r="U176" s="8">
        <v>0</v>
      </c>
    </row>
    <row r="177" spans="1:21" ht="18.75" x14ac:dyDescent="0.15">
      <c r="A177" s="16" t="s">
        <v>25</v>
      </c>
      <c r="B177" s="16" t="s">
        <v>107</v>
      </c>
      <c r="C177" s="17">
        <v>3</v>
      </c>
      <c r="D177" s="45" t="s">
        <v>85</v>
      </c>
      <c r="E177" s="18">
        <v>195</v>
      </c>
      <c r="F177" s="18">
        <v>187</v>
      </c>
      <c r="G177" s="18">
        <v>162</v>
      </c>
      <c r="H177" s="18">
        <v>33</v>
      </c>
      <c r="I177" s="18">
        <v>129</v>
      </c>
      <c r="J177" s="18">
        <v>22</v>
      </c>
      <c r="K177" s="18">
        <v>21</v>
      </c>
      <c r="L177" s="18">
        <v>0</v>
      </c>
      <c r="M177" s="18">
        <v>1</v>
      </c>
      <c r="N177" s="18">
        <v>3</v>
      </c>
      <c r="O177" s="18">
        <v>8</v>
      </c>
      <c r="P177" s="18">
        <v>4</v>
      </c>
      <c r="Q177" s="18">
        <v>4</v>
      </c>
      <c r="R177" s="18">
        <v>4</v>
      </c>
      <c r="S177" s="18">
        <v>0</v>
      </c>
      <c r="T177" s="18">
        <v>0</v>
      </c>
      <c r="U177" s="18">
        <v>0</v>
      </c>
    </row>
    <row r="178" spans="1:21" ht="18.75" x14ac:dyDescent="0.15">
      <c r="A178" s="16" t="s">
        <v>25</v>
      </c>
      <c r="B178" s="16" t="s">
        <v>26</v>
      </c>
      <c r="C178" s="17">
        <v>1</v>
      </c>
      <c r="D178" s="46" t="s">
        <v>87</v>
      </c>
      <c r="E178" s="15">
        <v>2977</v>
      </c>
      <c r="F178" s="15">
        <v>2716</v>
      </c>
      <c r="G178" s="15">
        <v>2375</v>
      </c>
      <c r="H178" s="15">
        <v>183</v>
      </c>
      <c r="I178" s="15">
        <v>2192</v>
      </c>
      <c r="J178" s="15">
        <v>262</v>
      </c>
      <c r="K178" s="15">
        <v>241</v>
      </c>
      <c r="L178" s="15">
        <v>12</v>
      </c>
      <c r="M178" s="15">
        <v>9</v>
      </c>
      <c r="N178" s="15">
        <v>79</v>
      </c>
      <c r="O178" s="15">
        <v>261</v>
      </c>
      <c r="P178" s="15">
        <v>214</v>
      </c>
      <c r="Q178" s="15">
        <v>44</v>
      </c>
      <c r="R178" s="15">
        <v>34</v>
      </c>
      <c r="S178" s="15">
        <v>10</v>
      </c>
      <c r="T178" s="15">
        <v>0</v>
      </c>
      <c r="U178" s="15">
        <v>3</v>
      </c>
    </row>
    <row r="179" spans="1:21" ht="18.75" x14ac:dyDescent="0.15">
      <c r="A179" s="16" t="s">
        <v>25</v>
      </c>
      <c r="B179" s="16" t="s">
        <v>26</v>
      </c>
      <c r="C179" s="17">
        <v>2</v>
      </c>
      <c r="D179" s="45" t="s">
        <v>86</v>
      </c>
      <c r="E179" s="8">
        <v>1619</v>
      </c>
      <c r="F179" s="8">
        <v>1490</v>
      </c>
      <c r="G179" s="8">
        <v>1270</v>
      </c>
      <c r="H179" s="8">
        <v>109</v>
      </c>
      <c r="I179" s="8">
        <v>1161</v>
      </c>
      <c r="J179" s="8">
        <v>177</v>
      </c>
      <c r="K179" s="8">
        <v>160</v>
      </c>
      <c r="L179" s="8">
        <v>10</v>
      </c>
      <c r="M179" s="8">
        <v>7</v>
      </c>
      <c r="N179" s="8">
        <v>43</v>
      </c>
      <c r="O179" s="8">
        <v>129</v>
      </c>
      <c r="P179" s="8">
        <v>104</v>
      </c>
      <c r="Q179" s="8">
        <v>23</v>
      </c>
      <c r="R179" s="8">
        <v>18</v>
      </c>
      <c r="S179" s="8">
        <v>5</v>
      </c>
      <c r="T179" s="8">
        <v>0</v>
      </c>
      <c r="U179" s="8">
        <v>2</v>
      </c>
    </row>
    <row r="180" spans="1:21" ht="18.75" x14ac:dyDescent="0.15">
      <c r="A180" s="16" t="s">
        <v>25</v>
      </c>
      <c r="B180" s="16" t="s">
        <v>26</v>
      </c>
      <c r="C180" s="17">
        <v>3</v>
      </c>
      <c r="D180" s="45" t="s">
        <v>85</v>
      </c>
      <c r="E180" s="18">
        <v>1358</v>
      </c>
      <c r="F180" s="18">
        <v>1226</v>
      </c>
      <c r="G180" s="18">
        <v>1105</v>
      </c>
      <c r="H180" s="18">
        <v>74</v>
      </c>
      <c r="I180" s="18">
        <v>1031</v>
      </c>
      <c r="J180" s="18">
        <v>85</v>
      </c>
      <c r="K180" s="18">
        <v>81</v>
      </c>
      <c r="L180" s="18">
        <v>2</v>
      </c>
      <c r="M180" s="18">
        <v>2</v>
      </c>
      <c r="N180" s="18">
        <v>36</v>
      </c>
      <c r="O180" s="18">
        <v>132</v>
      </c>
      <c r="P180" s="18">
        <v>110</v>
      </c>
      <c r="Q180" s="18">
        <v>21</v>
      </c>
      <c r="R180" s="18">
        <v>16</v>
      </c>
      <c r="S180" s="18">
        <v>5</v>
      </c>
      <c r="T180" s="18">
        <v>0</v>
      </c>
      <c r="U180" s="18">
        <v>1</v>
      </c>
    </row>
    <row r="181" spans="1:21" ht="18.75" x14ac:dyDescent="0.15">
      <c r="A181" s="16" t="s">
        <v>25</v>
      </c>
      <c r="B181" s="16" t="s">
        <v>24</v>
      </c>
      <c r="C181" s="17">
        <v>1</v>
      </c>
      <c r="D181" s="46" t="s">
        <v>87</v>
      </c>
      <c r="E181" s="15">
        <v>627</v>
      </c>
      <c r="F181" s="15">
        <v>448</v>
      </c>
      <c r="G181" s="15">
        <v>402</v>
      </c>
      <c r="H181" s="15">
        <v>45</v>
      </c>
      <c r="I181" s="15">
        <v>357</v>
      </c>
      <c r="J181" s="15">
        <v>29</v>
      </c>
      <c r="K181" s="15">
        <v>24</v>
      </c>
      <c r="L181" s="15">
        <v>2</v>
      </c>
      <c r="M181" s="15">
        <v>3</v>
      </c>
      <c r="N181" s="15">
        <v>17</v>
      </c>
      <c r="O181" s="15">
        <v>179</v>
      </c>
      <c r="P181" s="15">
        <v>174</v>
      </c>
      <c r="Q181" s="15">
        <v>3</v>
      </c>
      <c r="R181" s="15">
        <v>2</v>
      </c>
      <c r="S181" s="15">
        <v>0</v>
      </c>
      <c r="T181" s="15">
        <v>1</v>
      </c>
      <c r="U181" s="15">
        <v>2</v>
      </c>
    </row>
    <row r="182" spans="1:21" ht="18.75" x14ac:dyDescent="0.15">
      <c r="A182" s="16" t="s">
        <v>25</v>
      </c>
      <c r="B182" s="16" t="s">
        <v>24</v>
      </c>
      <c r="C182" s="17">
        <v>2</v>
      </c>
      <c r="D182" s="45" t="s">
        <v>86</v>
      </c>
      <c r="E182" s="8">
        <v>373</v>
      </c>
      <c r="F182" s="8">
        <v>247</v>
      </c>
      <c r="G182" s="8">
        <v>215</v>
      </c>
      <c r="H182" s="8">
        <v>26</v>
      </c>
      <c r="I182" s="8">
        <v>189</v>
      </c>
      <c r="J182" s="8">
        <v>21</v>
      </c>
      <c r="K182" s="8">
        <v>18</v>
      </c>
      <c r="L182" s="8">
        <v>2</v>
      </c>
      <c r="M182" s="8">
        <v>1</v>
      </c>
      <c r="N182" s="8">
        <v>11</v>
      </c>
      <c r="O182" s="8">
        <v>126</v>
      </c>
      <c r="P182" s="8">
        <v>123</v>
      </c>
      <c r="Q182" s="8">
        <v>1</v>
      </c>
      <c r="R182" s="8">
        <v>0</v>
      </c>
      <c r="S182" s="8">
        <v>0</v>
      </c>
      <c r="T182" s="8">
        <v>1</v>
      </c>
      <c r="U182" s="8">
        <v>2</v>
      </c>
    </row>
    <row r="183" spans="1:21" ht="18.75" x14ac:dyDescent="0.15">
      <c r="A183" s="16" t="s">
        <v>25</v>
      </c>
      <c r="B183" s="16" t="s">
        <v>24</v>
      </c>
      <c r="C183" s="17">
        <v>3</v>
      </c>
      <c r="D183" s="45" t="s">
        <v>85</v>
      </c>
      <c r="E183" s="18">
        <v>254</v>
      </c>
      <c r="F183" s="18">
        <v>201</v>
      </c>
      <c r="G183" s="18">
        <v>187</v>
      </c>
      <c r="H183" s="18">
        <v>19</v>
      </c>
      <c r="I183" s="18">
        <v>168</v>
      </c>
      <c r="J183" s="18">
        <v>8</v>
      </c>
      <c r="K183" s="18">
        <v>6</v>
      </c>
      <c r="L183" s="18">
        <v>0</v>
      </c>
      <c r="M183" s="18">
        <v>2</v>
      </c>
      <c r="N183" s="18">
        <v>6</v>
      </c>
      <c r="O183" s="18">
        <v>53</v>
      </c>
      <c r="P183" s="18">
        <v>51</v>
      </c>
      <c r="Q183" s="18">
        <v>2</v>
      </c>
      <c r="R183" s="18">
        <v>2</v>
      </c>
      <c r="S183" s="18">
        <v>0</v>
      </c>
      <c r="T183" s="18">
        <v>0</v>
      </c>
      <c r="U183" s="18">
        <v>0</v>
      </c>
    </row>
    <row r="184" spans="1:21" ht="18.75" x14ac:dyDescent="0.15">
      <c r="A184" s="16" t="s">
        <v>93</v>
      </c>
      <c r="B184" s="16" t="s">
        <v>23</v>
      </c>
      <c r="C184" s="17">
        <v>1</v>
      </c>
      <c r="D184" s="46" t="s">
        <v>87</v>
      </c>
      <c r="E184" s="15">
        <v>1024</v>
      </c>
      <c r="F184" s="15">
        <v>955</v>
      </c>
      <c r="G184" s="15">
        <v>877</v>
      </c>
      <c r="H184" s="15">
        <v>197</v>
      </c>
      <c r="I184" s="15">
        <v>680</v>
      </c>
      <c r="J184" s="15">
        <v>50</v>
      </c>
      <c r="K184" s="15">
        <v>41</v>
      </c>
      <c r="L184" s="15">
        <v>9</v>
      </c>
      <c r="M184" s="15">
        <v>0</v>
      </c>
      <c r="N184" s="15">
        <v>28</v>
      </c>
      <c r="O184" s="15">
        <v>69</v>
      </c>
      <c r="P184" s="15">
        <v>59</v>
      </c>
      <c r="Q184" s="15">
        <v>7</v>
      </c>
      <c r="R184" s="15">
        <v>2</v>
      </c>
      <c r="S184" s="15">
        <v>4</v>
      </c>
      <c r="T184" s="15">
        <v>1</v>
      </c>
      <c r="U184" s="15">
        <v>3</v>
      </c>
    </row>
    <row r="185" spans="1:21" ht="18.75" x14ac:dyDescent="0.15">
      <c r="A185" s="16" t="s">
        <v>94</v>
      </c>
      <c r="B185" s="16" t="s">
        <v>23</v>
      </c>
      <c r="C185" s="17">
        <v>2</v>
      </c>
      <c r="D185" s="45" t="s">
        <v>86</v>
      </c>
      <c r="E185" s="8">
        <v>555</v>
      </c>
      <c r="F185" s="8">
        <v>519</v>
      </c>
      <c r="G185" s="8">
        <v>468</v>
      </c>
      <c r="H185" s="8">
        <v>98</v>
      </c>
      <c r="I185" s="8">
        <v>370</v>
      </c>
      <c r="J185" s="8">
        <v>34</v>
      </c>
      <c r="K185" s="8">
        <v>28</v>
      </c>
      <c r="L185" s="8">
        <v>6</v>
      </c>
      <c r="M185" s="8">
        <v>0</v>
      </c>
      <c r="N185" s="8">
        <v>17</v>
      </c>
      <c r="O185" s="8">
        <v>36</v>
      </c>
      <c r="P185" s="8">
        <v>31</v>
      </c>
      <c r="Q185" s="8">
        <v>4</v>
      </c>
      <c r="R185" s="8">
        <v>0</v>
      </c>
      <c r="S185" s="8">
        <v>3</v>
      </c>
      <c r="T185" s="8">
        <v>1</v>
      </c>
      <c r="U185" s="8">
        <v>1</v>
      </c>
    </row>
    <row r="186" spans="1:21" ht="18.75" x14ac:dyDescent="0.15">
      <c r="A186" s="16" t="s">
        <v>93</v>
      </c>
      <c r="B186" s="16" t="s">
        <v>23</v>
      </c>
      <c r="C186" s="17">
        <v>3</v>
      </c>
      <c r="D186" s="45" t="s">
        <v>85</v>
      </c>
      <c r="E186" s="18">
        <v>469</v>
      </c>
      <c r="F186" s="18">
        <v>436</v>
      </c>
      <c r="G186" s="18">
        <v>409</v>
      </c>
      <c r="H186" s="18">
        <v>99</v>
      </c>
      <c r="I186" s="18">
        <v>310</v>
      </c>
      <c r="J186" s="18">
        <v>16</v>
      </c>
      <c r="K186" s="18">
        <v>13</v>
      </c>
      <c r="L186" s="18">
        <v>3</v>
      </c>
      <c r="M186" s="18">
        <v>0</v>
      </c>
      <c r="N186" s="18">
        <v>11</v>
      </c>
      <c r="O186" s="18">
        <v>33</v>
      </c>
      <c r="P186" s="18">
        <v>28</v>
      </c>
      <c r="Q186" s="18">
        <v>3</v>
      </c>
      <c r="R186" s="18">
        <v>2</v>
      </c>
      <c r="S186" s="18">
        <v>1</v>
      </c>
      <c r="T186" s="18">
        <v>0</v>
      </c>
      <c r="U186" s="18">
        <v>2</v>
      </c>
    </row>
    <row r="187" spans="1:21" ht="18.75" x14ac:dyDescent="0.15">
      <c r="A187" s="16" t="s">
        <v>93</v>
      </c>
      <c r="B187" s="16" t="s">
        <v>22</v>
      </c>
      <c r="C187" s="17">
        <v>1</v>
      </c>
      <c r="D187" s="46" t="s">
        <v>87</v>
      </c>
      <c r="E187" s="15">
        <v>4076</v>
      </c>
      <c r="F187" s="15">
        <v>3748</v>
      </c>
      <c r="G187" s="15">
        <v>3421</v>
      </c>
      <c r="H187" s="15">
        <v>428</v>
      </c>
      <c r="I187" s="15">
        <v>2993</v>
      </c>
      <c r="J187" s="15">
        <v>255</v>
      </c>
      <c r="K187" s="15">
        <v>220</v>
      </c>
      <c r="L187" s="15">
        <v>25</v>
      </c>
      <c r="M187" s="15">
        <v>10</v>
      </c>
      <c r="N187" s="15">
        <v>72</v>
      </c>
      <c r="O187" s="15">
        <v>328</v>
      </c>
      <c r="P187" s="15">
        <v>286</v>
      </c>
      <c r="Q187" s="15">
        <v>37</v>
      </c>
      <c r="R187" s="15">
        <v>24</v>
      </c>
      <c r="S187" s="15">
        <v>12</v>
      </c>
      <c r="T187" s="15">
        <v>1</v>
      </c>
      <c r="U187" s="15">
        <v>5</v>
      </c>
    </row>
    <row r="188" spans="1:21" ht="18.75" x14ac:dyDescent="0.15">
      <c r="A188" s="16" t="s">
        <v>93</v>
      </c>
      <c r="B188" s="16" t="s">
        <v>22</v>
      </c>
      <c r="C188" s="17">
        <v>2</v>
      </c>
      <c r="D188" s="45" t="s">
        <v>86</v>
      </c>
      <c r="E188" s="8">
        <v>2245</v>
      </c>
      <c r="F188" s="8">
        <v>2076</v>
      </c>
      <c r="G188" s="8">
        <v>1840</v>
      </c>
      <c r="H188" s="8">
        <v>272</v>
      </c>
      <c r="I188" s="8">
        <v>1568</v>
      </c>
      <c r="J188" s="8">
        <v>196</v>
      </c>
      <c r="K188" s="8">
        <v>168</v>
      </c>
      <c r="L188" s="8">
        <v>21</v>
      </c>
      <c r="M188" s="8">
        <v>7</v>
      </c>
      <c r="N188" s="8">
        <v>40</v>
      </c>
      <c r="O188" s="8">
        <v>169</v>
      </c>
      <c r="P188" s="8">
        <v>155</v>
      </c>
      <c r="Q188" s="8">
        <v>12</v>
      </c>
      <c r="R188" s="8">
        <v>6</v>
      </c>
      <c r="S188" s="8">
        <v>5</v>
      </c>
      <c r="T188" s="8">
        <v>1</v>
      </c>
      <c r="U188" s="8">
        <v>2</v>
      </c>
    </row>
    <row r="189" spans="1:21" ht="18.75" x14ac:dyDescent="0.15">
      <c r="A189" s="16" t="s">
        <v>95</v>
      </c>
      <c r="B189" s="16" t="s">
        <v>22</v>
      </c>
      <c r="C189" s="17">
        <v>3</v>
      </c>
      <c r="D189" s="45" t="s">
        <v>85</v>
      </c>
      <c r="E189" s="18">
        <v>1831</v>
      </c>
      <c r="F189" s="18">
        <v>1672</v>
      </c>
      <c r="G189" s="18">
        <v>1581</v>
      </c>
      <c r="H189" s="18">
        <v>156</v>
      </c>
      <c r="I189" s="18">
        <v>1425</v>
      </c>
      <c r="J189" s="18">
        <v>59</v>
      </c>
      <c r="K189" s="18">
        <v>52</v>
      </c>
      <c r="L189" s="18">
        <v>4</v>
      </c>
      <c r="M189" s="18">
        <v>3</v>
      </c>
      <c r="N189" s="18">
        <v>32</v>
      </c>
      <c r="O189" s="18">
        <v>159</v>
      </c>
      <c r="P189" s="18">
        <v>131</v>
      </c>
      <c r="Q189" s="18">
        <v>25</v>
      </c>
      <c r="R189" s="18">
        <v>18</v>
      </c>
      <c r="S189" s="18">
        <v>7</v>
      </c>
      <c r="T189" s="18">
        <v>0</v>
      </c>
      <c r="U189" s="18">
        <v>3</v>
      </c>
    </row>
    <row r="190" spans="1:21" ht="18.75" x14ac:dyDescent="0.15">
      <c r="A190" s="16" t="s">
        <v>93</v>
      </c>
      <c r="B190" s="16" t="s">
        <v>21</v>
      </c>
      <c r="C190" s="17">
        <v>1</v>
      </c>
      <c r="D190" s="46" t="s">
        <v>87</v>
      </c>
      <c r="E190" s="15">
        <v>3944</v>
      </c>
      <c r="F190" s="15">
        <v>3602</v>
      </c>
      <c r="G190" s="15">
        <v>3298</v>
      </c>
      <c r="H190" s="15">
        <v>351</v>
      </c>
      <c r="I190" s="15">
        <v>2947</v>
      </c>
      <c r="J190" s="15">
        <v>237</v>
      </c>
      <c r="K190" s="15">
        <v>201</v>
      </c>
      <c r="L190" s="15">
        <v>18</v>
      </c>
      <c r="M190" s="15">
        <v>18</v>
      </c>
      <c r="N190" s="15">
        <v>67</v>
      </c>
      <c r="O190" s="15">
        <v>342</v>
      </c>
      <c r="P190" s="15">
        <v>302</v>
      </c>
      <c r="Q190" s="15">
        <v>32</v>
      </c>
      <c r="R190" s="15">
        <v>17</v>
      </c>
      <c r="S190" s="15">
        <v>15</v>
      </c>
      <c r="T190" s="15">
        <v>0</v>
      </c>
      <c r="U190" s="15">
        <v>8</v>
      </c>
    </row>
    <row r="191" spans="1:21" ht="18.75" x14ac:dyDescent="0.15">
      <c r="A191" s="16" t="s">
        <v>95</v>
      </c>
      <c r="B191" s="16" t="s">
        <v>21</v>
      </c>
      <c r="C191" s="17">
        <v>2</v>
      </c>
      <c r="D191" s="45" t="s">
        <v>86</v>
      </c>
      <c r="E191" s="8">
        <v>2107</v>
      </c>
      <c r="F191" s="8">
        <v>1944</v>
      </c>
      <c r="G191" s="8">
        <v>1716</v>
      </c>
      <c r="H191" s="8">
        <v>204</v>
      </c>
      <c r="I191" s="8">
        <v>1512</v>
      </c>
      <c r="J191" s="8">
        <v>190</v>
      </c>
      <c r="K191" s="8">
        <v>161</v>
      </c>
      <c r="L191" s="8">
        <v>16</v>
      </c>
      <c r="M191" s="8">
        <v>13</v>
      </c>
      <c r="N191" s="8">
        <v>38</v>
      </c>
      <c r="O191" s="8">
        <v>163</v>
      </c>
      <c r="P191" s="8">
        <v>146</v>
      </c>
      <c r="Q191" s="8">
        <v>14</v>
      </c>
      <c r="R191" s="8">
        <v>7</v>
      </c>
      <c r="S191" s="8">
        <v>7</v>
      </c>
      <c r="T191" s="8">
        <v>0</v>
      </c>
      <c r="U191" s="8">
        <v>3</v>
      </c>
    </row>
    <row r="192" spans="1:21" ht="18.75" x14ac:dyDescent="0.15">
      <c r="A192" s="16" t="s">
        <v>95</v>
      </c>
      <c r="B192" s="16" t="s">
        <v>21</v>
      </c>
      <c r="C192" s="17">
        <v>3</v>
      </c>
      <c r="D192" s="45" t="s">
        <v>85</v>
      </c>
      <c r="E192" s="18">
        <v>1837</v>
      </c>
      <c r="F192" s="18">
        <v>1658</v>
      </c>
      <c r="G192" s="18">
        <v>1582</v>
      </c>
      <c r="H192" s="18">
        <v>147</v>
      </c>
      <c r="I192" s="18">
        <v>1435</v>
      </c>
      <c r="J192" s="18">
        <v>47</v>
      </c>
      <c r="K192" s="18">
        <v>40</v>
      </c>
      <c r="L192" s="18">
        <v>2</v>
      </c>
      <c r="M192" s="18">
        <v>5</v>
      </c>
      <c r="N192" s="18">
        <v>29</v>
      </c>
      <c r="O192" s="18">
        <v>179</v>
      </c>
      <c r="P192" s="18">
        <v>156</v>
      </c>
      <c r="Q192" s="18">
        <v>18</v>
      </c>
      <c r="R192" s="18">
        <v>10</v>
      </c>
      <c r="S192" s="18">
        <v>8</v>
      </c>
      <c r="T192" s="18">
        <v>0</v>
      </c>
      <c r="U192" s="18">
        <v>5</v>
      </c>
    </row>
    <row r="193" spans="1:21" ht="18.75" x14ac:dyDescent="0.15">
      <c r="A193" s="16" t="s">
        <v>93</v>
      </c>
      <c r="B193" s="16" t="s">
        <v>20</v>
      </c>
      <c r="C193" s="17">
        <v>1</v>
      </c>
      <c r="D193" s="46" t="s">
        <v>87</v>
      </c>
      <c r="E193" s="15">
        <v>403</v>
      </c>
      <c r="F193" s="15">
        <v>370</v>
      </c>
      <c r="G193" s="15">
        <v>342</v>
      </c>
      <c r="H193" s="15">
        <v>49</v>
      </c>
      <c r="I193" s="15">
        <v>293</v>
      </c>
      <c r="J193" s="15">
        <v>23</v>
      </c>
      <c r="K193" s="15">
        <v>18</v>
      </c>
      <c r="L193" s="15">
        <v>3</v>
      </c>
      <c r="M193" s="15">
        <v>2</v>
      </c>
      <c r="N193" s="15">
        <v>5</v>
      </c>
      <c r="O193" s="15">
        <v>33</v>
      </c>
      <c r="P193" s="15">
        <v>27</v>
      </c>
      <c r="Q193" s="15">
        <v>4</v>
      </c>
      <c r="R193" s="15">
        <v>2</v>
      </c>
      <c r="S193" s="15">
        <v>2</v>
      </c>
      <c r="T193" s="15">
        <v>0</v>
      </c>
      <c r="U193" s="15">
        <v>2</v>
      </c>
    </row>
    <row r="194" spans="1:21" ht="18.75" x14ac:dyDescent="0.15">
      <c r="A194" s="16" t="s">
        <v>93</v>
      </c>
      <c r="B194" s="16" t="s">
        <v>20</v>
      </c>
      <c r="C194" s="17">
        <v>2</v>
      </c>
      <c r="D194" s="45" t="s">
        <v>86</v>
      </c>
      <c r="E194" s="8">
        <v>215</v>
      </c>
      <c r="F194" s="8">
        <v>195</v>
      </c>
      <c r="G194" s="8">
        <v>174</v>
      </c>
      <c r="H194" s="8">
        <v>27</v>
      </c>
      <c r="I194" s="8">
        <v>147</v>
      </c>
      <c r="J194" s="8">
        <v>18</v>
      </c>
      <c r="K194" s="8">
        <v>13</v>
      </c>
      <c r="L194" s="8">
        <v>3</v>
      </c>
      <c r="M194" s="8">
        <v>2</v>
      </c>
      <c r="N194" s="8">
        <v>3</v>
      </c>
      <c r="O194" s="8">
        <v>20</v>
      </c>
      <c r="P194" s="8">
        <v>17</v>
      </c>
      <c r="Q194" s="8">
        <v>3</v>
      </c>
      <c r="R194" s="8">
        <v>1</v>
      </c>
      <c r="S194" s="8">
        <v>2</v>
      </c>
      <c r="T194" s="8">
        <v>0</v>
      </c>
      <c r="U194" s="8">
        <v>0</v>
      </c>
    </row>
    <row r="195" spans="1:21" ht="18.75" x14ac:dyDescent="0.15">
      <c r="A195" s="16" t="s">
        <v>93</v>
      </c>
      <c r="B195" s="16" t="s">
        <v>20</v>
      </c>
      <c r="C195" s="17">
        <v>3</v>
      </c>
      <c r="D195" s="45" t="s">
        <v>85</v>
      </c>
      <c r="E195" s="18">
        <v>188</v>
      </c>
      <c r="F195" s="18">
        <v>175</v>
      </c>
      <c r="G195" s="18">
        <v>168</v>
      </c>
      <c r="H195" s="18">
        <v>22</v>
      </c>
      <c r="I195" s="18">
        <v>146</v>
      </c>
      <c r="J195" s="18">
        <v>5</v>
      </c>
      <c r="K195" s="18">
        <v>5</v>
      </c>
      <c r="L195" s="18">
        <v>0</v>
      </c>
      <c r="M195" s="18">
        <v>0</v>
      </c>
      <c r="N195" s="18">
        <v>2</v>
      </c>
      <c r="O195" s="18">
        <v>13</v>
      </c>
      <c r="P195" s="18">
        <v>10</v>
      </c>
      <c r="Q195" s="18">
        <v>1</v>
      </c>
      <c r="R195" s="18">
        <v>1</v>
      </c>
      <c r="S195" s="18">
        <v>0</v>
      </c>
      <c r="T195" s="18">
        <v>0</v>
      </c>
      <c r="U195" s="18">
        <v>2</v>
      </c>
    </row>
    <row r="196" spans="1:21" ht="18.75" x14ac:dyDescent="0.15">
      <c r="A196" s="16" t="s">
        <v>93</v>
      </c>
      <c r="B196" s="16" t="s">
        <v>19</v>
      </c>
      <c r="C196" s="17">
        <v>1</v>
      </c>
      <c r="D196" s="46" t="s">
        <v>87</v>
      </c>
      <c r="E196" s="15">
        <v>234</v>
      </c>
      <c r="F196" s="15">
        <v>223</v>
      </c>
      <c r="G196" s="15">
        <v>204</v>
      </c>
      <c r="H196" s="15">
        <v>39</v>
      </c>
      <c r="I196" s="15">
        <v>165</v>
      </c>
      <c r="J196" s="15">
        <v>14</v>
      </c>
      <c r="K196" s="15">
        <v>13</v>
      </c>
      <c r="L196" s="15">
        <v>1</v>
      </c>
      <c r="M196" s="15">
        <v>0</v>
      </c>
      <c r="N196" s="15">
        <v>5</v>
      </c>
      <c r="O196" s="15">
        <v>11</v>
      </c>
      <c r="P196" s="15">
        <v>9</v>
      </c>
      <c r="Q196" s="15">
        <v>2</v>
      </c>
      <c r="R196" s="15">
        <v>1</v>
      </c>
      <c r="S196" s="15">
        <v>1</v>
      </c>
      <c r="T196" s="15">
        <v>0</v>
      </c>
      <c r="U196" s="15">
        <v>0</v>
      </c>
    </row>
    <row r="197" spans="1:21" ht="18.75" x14ac:dyDescent="0.15">
      <c r="A197" s="16" t="s">
        <v>93</v>
      </c>
      <c r="B197" s="16" t="s">
        <v>19</v>
      </c>
      <c r="C197" s="17">
        <v>2</v>
      </c>
      <c r="D197" s="45" t="s">
        <v>86</v>
      </c>
      <c r="E197" s="8">
        <v>123</v>
      </c>
      <c r="F197" s="8">
        <v>117</v>
      </c>
      <c r="G197" s="8">
        <v>103</v>
      </c>
      <c r="H197" s="8">
        <v>23</v>
      </c>
      <c r="I197" s="8">
        <v>80</v>
      </c>
      <c r="J197" s="8">
        <v>12</v>
      </c>
      <c r="K197" s="8">
        <v>11</v>
      </c>
      <c r="L197" s="8">
        <v>1</v>
      </c>
      <c r="M197" s="8">
        <v>0</v>
      </c>
      <c r="N197" s="8">
        <v>2</v>
      </c>
      <c r="O197" s="8">
        <v>6</v>
      </c>
      <c r="P197" s="8">
        <v>4</v>
      </c>
      <c r="Q197" s="8">
        <v>2</v>
      </c>
      <c r="R197" s="8">
        <v>1</v>
      </c>
      <c r="S197" s="8">
        <v>1</v>
      </c>
      <c r="T197" s="8">
        <v>0</v>
      </c>
      <c r="U197" s="8">
        <v>0</v>
      </c>
    </row>
    <row r="198" spans="1:21" ht="18.75" x14ac:dyDescent="0.15">
      <c r="A198" s="16" t="s">
        <v>93</v>
      </c>
      <c r="B198" s="16" t="s">
        <v>19</v>
      </c>
      <c r="C198" s="17">
        <v>3</v>
      </c>
      <c r="D198" s="45" t="s">
        <v>85</v>
      </c>
      <c r="E198" s="18">
        <v>111</v>
      </c>
      <c r="F198" s="18">
        <v>106</v>
      </c>
      <c r="G198" s="18">
        <v>101</v>
      </c>
      <c r="H198" s="18">
        <v>16</v>
      </c>
      <c r="I198" s="18">
        <v>85</v>
      </c>
      <c r="J198" s="18">
        <v>2</v>
      </c>
      <c r="K198" s="18">
        <v>2</v>
      </c>
      <c r="L198" s="18">
        <v>0</v>
      </c>
      <c r="M198" s="18">
        <v>0</v>
      </c>
      <c r="N198" s="18">
        <v>3</v>
      </c>
      <c r="O198" s="18">
        <v>5</v>
      </c>
      <c r="P198" s="18">
        <v>5</v>
      </c>
      <c r="Q198" s="18">
        <v>0</v>
      </c>
      <c r="R198" s="18">
        <v>0</v>
      </c>
      <c r="S198" s="18">
        <v>0</v>
      </c>
      <c r="T198" s="18">
        <v>0</v>
      </c>
      <c r="U198" s="18">
        <v>0</v>
      </c>
    </row>
    <row r="199" spans="1:21" ht="18.75" x14ac:dyDescent="0.15">
      <c r="A199" s="16" t="s">
        <v>93</v>
      </c>
      <c r="B199" s="16" t="s">
        <v>18</v>
      </c>
      <c r="C199" s="17">
        <v>1</v>
      </c>
      <c r="D199" s="46" t="s">
        <v>87</v>
      </c>
      <c r="E199" s="15">
        <v>651</v>
      </c>
      <c r="F199" s="15">
        <v>597</v>
      </c>
      <c r="G199" s="15">
        <v>532</v>
      </c>
      <c r="H199" s="15">
        <v>53</v>
      </c>
      <c r="I199" s="15">
        <v>479</v>
      </c>
      <c r="J199" s="15">
        <v>41</v>
      </c>
      <c r="K199" s="15">
        <v>34</v>
      </c>
      <c r="L199" s="15">
        <v>3</v>
      </c>
      <c r="M199" s="15">
        <v>4</v>
      </c>
      <c r="N199" s="15">
        <v>24</v>
      </c>
      <c r="O199" s="15">
        <v>54</v>
      </c>
      <c r="P199" s="15">
        <v>48</v>
      </c>
      <c r="Q199" s="15">
        <v>5</v>
      </c>
      <c r="R199" s="15">
        <v>3</v>
      </c>
      <c r="S199" s="15">
        <v>2</v>
      </c>
      <c r="T199" s="15">
        <v>0</v>
      </c>
      <c r="U199" s="15">
        <v>1</v>
      </c>
    </row>
    <row r="200" spans="1:21" ht="18.75" x14ac:dyDescent="0.15">
      <c r="A200" s="16" t="s">
        <v>93</v>
      </c>
      <c r="B200" s="16" t="s">
        <v>18</v>
      </c>
      <c r="C200" s="17">
        <v>2</v>
      </c>
      <c r="D200" s="45" t="s">
        <v>86</v>
      </c>
      <c r="E200" s="8">
        <v>344</v>
      </c>
      <c r="F200" s="8">
        <v>324</v>
      </c>
      <c r="G200" s="8">
        <v>281</v>
      </c>
      <c r="H200" s="8">
        <v>34</v>
      </c>
      <c r="I200" s="8">
        <v>247</v>
      </c>
      <c r="J200" s="8">
        <v>31</v>
      </c>
      <c r="K200" s="8">
        <v>24</v>
      </c>
      <c r="L200" s="8">
        <v>3</v>
      </c>
      <c r="M200" s="8">
        <v>4</v>
      </c>
      <c r="N200" s="8">
        <v>12</v>
      </c>
      <c r="O200" s="8">
        <v>20</v>
      </c>
      <c r="P200" s="8">
        <v>17</v>
      </c>
      <c r="Q200" s="8">
        <v>2</v>
      </c>
      <c r="R200" s="8">
        <v>1</v>
      </c>
      <c r="S200" s="8">
        <v>1</v>
      </c>
      <c r="T200" s="8">
        <v>0</v>
      </c>
      <c r="U200" s="8">
        <v>1</v>
      </c>
    </row>
    <row r="201" spans="1:21" ht="18.75" x14ac:dyDescent="0.15">
      <c r="A201" s="16" t="s">
        <v>93</v>
      </c>
      <c r="B201" s="16" t="s">
        <v>18</v>
      </c>
      <c r="C201" s="17">
        <v>3</v>
      </c>
      <c r="D201" s="45" t="s">
        <v>85</v>
      </c>
      <c r="E201" s="18">
        <v>307</v>
      </c>
      <c r="F201" s="18">
        <v>273</v>
      </c>
      <c r="G201" s="18">
        <v>251</v>
      </c>
      <c r="H201" s="18">
        <v>19</v>
      </c>
      <c r="I201" s="18">
        <v>232</v>
      </c>
      <c r="J201" s="18">
        <v>10</v>
      </c>
      <c r="K201" s="18">
        <v>10</v>
      </c>
      <c r="L201" s="18">
        <v>0</v>
      </c>
      <c r="M201" s="18">
        <v>0</v>
      </c>
      <c r="N201" s="18">
        <v>12</v>
      </c>
      <c r="O201" s="18">
        <v>34</v>
      </c>
      <c r="P201" s="18">
        <v>31</v>
      </c>
      <c r="Q201" s="18">
        <v>3</v>
      </c>
      <c r="R201" s="18">
        <v>2</v>
      </c>
      <c r="S201" s="18">
        <v>1</v>
      </c>
      <c r="T201" s="18">
        <v>0</v>
      </c>
      <c r="U201" s="18">
        <v>0</v>
      </c>
    </row>
    <row r="202" spans="1:21" ht="18.75" x14ac:dyDescent="0.15">
      <c r="A202" s="16" t="s">
        <v>93</v>
      </c>
      <c r="B202" s="16" t="s">
        <v>17</v>
      </c>
      <c r="C202" s="17">
        <v>1</v>
      </c>
      <c r="D202" s="46" t="s">
        <v>87</v>
      </c>
      <c r="E202" s="15">
        <v>332</v>
      </c>
      <c r="F202" s="15">
        <v>315</v>
      </c>
      <c r="G202" s="15">
        <v>288</v>
      </c>
      <c r="H202" s="15">
        <v>40</v>
      </c>
      <c r="I202" s="15">
        <v>248</v>
      </c>
      <c r="J202" s="15">
        <v>11</v>
      </c>
      <c r="K202" s="15">
        <v>9</v>
      </c>
      <c r="L202" s="15">
        <v>1</v>
      </c>
      <c r="M202" s="15">
        <v>1</v>
      </c>
      <c r="N202" s="15">
        <v>16</v>
      </c>
      <c r="O202" s="15">
        <v>17</v>
      </c>
      <c r="P202" s="15">
        <v>14</v>
      </c>
      <c r="Q202" s="15">
        <v>3</v>
      </c>
      <c r="R202" s="15">
        <v>1</v>
      </c>
      <c r="S202" s="15">
        <v>2</v>
      </c>
      <c r="T202" s="15">
        <v>0</v>
      </c>
      <c r="U202" s="15">
        <v>0</v>
      </c>
    </row>
    <row r="203" spans="1:21" ht="18.75" x14ac:dyDescent="0.15">
      <c r="A203" s="16" t="s">
        <v>93</v>
      </c>
      <c r="B203" s="16" t="s">
        <v>17</v>
      </c>
      <c r="C203" s="17">
        <v>2</v>
      </c>
      <c r="D203" s="45" t="s">
        <v>86</v>
      </c>
      <c r="E203" s="8">
        <v>196</v>
      </c>
      <c r="F203" s="8">
        <v>186</v>
      </c>
      <c r="G203" s="8">
        <v>166</v>
      </c>
      <c r="H203" s="8">
        <v>25</v>
      </c>
      <c r="I203" s="8">
        <v>141</v>
      </c>
      <c r="J203" s="8">
        <v>10</v>
      </c>
      <c r="K203" s="8">
        <v>8</v>
      </c>
      <c r="L203" s="8">
        <v>1</v>
      </c>
      <c r="M203" s="8">
        <v>1</v>
      </c>
      <c r="N203" s="8">
        <v>10</v>
      </c>
      <c r="O203" s="8">
        <v>10</v>
      </c>
      <c r="P203" s="8">
        <v>9</v>
      </c>
      <c r="Q203" s="8">
        <v>1</v>
      </c>
      <c r="R203" s="8">
        <v>0</v>
      </c>
      <c r="S203" s="8">
        <v>1</v>
      </c>
      <c r="T203" s="8">
        <v>0</v>
      </c>
      <c r="U203" s="8">
        <v>0</v>
      </c>
    </row>
    <row r="204" spans="1:21" ht="18.75" x14ac:dyDescent="0.15">
      <c r="A204" s="16" t="s">
        <v>95</v>
      </c>
      <c r="B204" s="16" t="s">
        <v>17</v>
      </c>
      <c r="C204" s="17">
        <v>3</v>
      </c>
      <c r="D204" s="45" t="s">
        <v>85</v>
      </c>
      <c r="E204" s="18">
        <v>136</v>
      </c>
      <c r="F204" s="18">
        <v>129</v>
      </c>
      <c r="G204" s="18">
        <v>122</v>
      </c>
      <c r="H204" s="18">
        <v>15</v>
      </c>
      <c r="I204" s="18">
        <v>107</v>
      </c>
      <c r="J204" s="18">
        <v>1</v>
      </c>
      <c r="K204" s="18">
        <v>1</v>
      </c>
      <c r="L204" s="18">
        <v>0</v>
      </c>
      <c r="M204" s="18">
        <v>0</v>
      </c>
      <c r="N204" s="18">
        <v>6</v>
      </c>
      <c r="O204" s="18">
        <v>7</v>
      </c>
      <c r="P204" s="18">
        <v>5</v>
      </c>
      <c r="Q204" s="18">
        <v>2</v>
      </c>
      <c r="R204" s="18">
        <v>1</v>
      </c>
      <c r="S204" s="18">
        <v>1</v>
      </c>
      <c r="T204" s="18">
        <v>0</v>
      </c>
      <c r="U204" s="18">
        <v>0</v>
      </c>
    </row>
    <row r="205" spans="1:21" ht="18.75" x14ac:dyDescent="0.15">
      <c r="A205" s="16" t="s">
        <v>93</v>
      </c>
      <c r="B205" s="16" t="s">
        <v>16</v>
      </c>
      <c r="C205" s="17">
        <v>1</v>
      </c>
      <c r="D205" s="46" t="s">
        <v>87</v>
      </c>
      <c r="E205" s="15">
        <v>73</v>
      </c>
      <c r="F205" s="15">
        <v>69</v>
      </c>
      <c r="G205" s="15">
        <v>64</v>
      </c>
      <c r="H205" s="15">
        <v>23</v>
      </c>
      <c r="I205" s="15">
        <v>41</v>
      </c>
      <c r="J205" s="15">
        <v>2</v>
      </c>
      <c r="K205" s="15">
        <v>2</v>
      </c>
      <c r="L205" s="15">
        <v>0</v>
      </c>
      <c r="M205" s="15">
        <v>0</v>
      </c>
      <c r="N205" s="15">
        <v>3</v>
      </c>
      <c r="O205" s="15">
        <v>4</v>
      </c>
      <c r="P205" s="15">
        <v>4</v>
      </c>
      <c r="Q205" s="15">
        <v>0</v>
      </c>
      <c r="R205" s="15">
        <v>0</v>
      </c>
      <c r="S205" s="15">
        <v>0</v>
      </c>
      <c r="T205" s="15">
        <v>0</v>
      </c>
      <c r="U205" s="15">
        <v>0</v>
      </c>
    </row>
    <row r="206" spans="1:21" ht="18.75" x14ac:dyDescent="0.15">
      <c r="A206" s="16" t="s">
        <v>93</v>
      </c>
      <c r="B206" s="16" t="s">
        <v>16</v>
      </c>
      <c r="C206" s="17">
        <v>2</v>
      </c>
      <c r="D206" s="45" t="s">
        <v>86</v>
      </c>
      <c r="E206" s="8">
        <v>41</v>
      </c>
      <c r="F206" s="8">
        <v>39</v>
      </c>
      <c r="G206" s="8">
        <v>35</v>
      </c>
      <c r="H206" s="8">
        <v>11</v>
      </c>
      <c r="I206" s="8">
        <v>24</v>
      </c>
      <c r="J206" s="8">
        <v>2</v>
      </c>
      <c r="K206" s="8">
        <v>2</v>
      </c>
      <c r="L206" s="8">
        <v>0</v>
      </c>
      <c r="M206" s="8">
        <v>0</v>
      </c>
      <c r="N206" s="8">
        <v>2</v>
      </c>
      <c r="O206" s="8">
        <v>2</v>
      </c>
      <c r="P206" s="8">
        <v>2</v>
      </c>
      <c r="Q206" s="8">
        <v>0</v>
      </c>
      <c r="R206" s="8">
        <v>0</v>
      </c>
      <c r="S206" s="8">
        <v>0</v>
      </c>
      <c r="T206" s="8">
        <v>0</v>
      </c>
      <c r="U206" s="8">
        <v>0</v>
      </c>
    </row>
    <row r="207" spans="1:21" ht="18.75" x14ac:dyDescent="0.15">
      <c r="A207" s="16" t="s">
        <v>93</v>
      </c>
      <c r="B207" s="16" t="s">
        <v>16</v>
      </c>
      <c r="C207" s="17">
        <v>3</v>
      </c>
      <c r="D207" s="45" t="s">
        <v>85</v>
      </c>
      <c r="E207" s="18">
        <v>32</v>
      </c>
      <c r="F207" s="18">
        <v>30</v>
      </c>
      <c r="G207" s="18">
        <v>29</v>
      </c>
      <c r="H207" s="18">
        <v>12</v>
      </c>
      <c r="I207" s="18">
        <v>17</v>
      </c>
      <c r="J207" s="18">
        <v>0</v>
      </c>
      <c r="K207" s="18">
        <v>0</v>
      </c>
      <c r="L207" s="18">
        <v>0</v>
      </c>
      <c r="M207" s="18">
        <v>0</v>
      </c>
      <c r="N207" s="18">
        <v>1</v>
      </c>
      <c r="O207" s="18">
        <v>2</v>
      </c>
      <c r="P207" s="18">
        <v>2</v>
      </c>
      <c r="Q207" s="18">
        <v>0</v>
      </c>
      <c r="R207" s="18">
        <v>0</v>
      </c>
      <c r="S207" s="18">
        <v>0</v>
      </c>
      <c r="T207" s="18">
        <v>0</v>
      </c>
      <c r="U207" s="18">
        <v>0</v>
      </c>
    </row>
    <row r="208" spans="1:21" ht="18.75" x14ac:dyDescent="0.15">
      <c r="A208" s="16" t="s">
        <v>95</v>
      </c>
      <c r="B208" s="16" t="s">
        <v>15</v>
      </c>
      <c r="C208" s="17">
        <v>1</v>
      </c>
      <c r="D208" s="46" t="s">
        <v>87</v>
      </c>
      <c r="E208" s="15">
        <v>11</v>
      </c>
      <c r="F208" s="15">
        <v>11</v>
      </c>
      <c r="G208" s="15">
        <v>11</v>
      </c>
      <c r="H208" s="15">
        <v>3</v>
      </c>
      <c r="I208" s="15">
        <v>8</v>
      </c>
      <c r="J208" s="15">
        <v>0</v>
      </c>
      <c r="K208" s="15">
        <v>0</v>
      </c>
      <c r="L208" s="15">
        <v>0</v>
      </c>
      <c r="M208" s="15">
        <v>0</v>
      </c>
      <c r="N208" s="15">
        <v>0</v>
      </c>
      <c r="O208" s="15">
        <v>0</v>
      </c>
      <c r="P208" s="15">
        <v>0</v>
      </c>
      <c r="Q208" s="15">
        <v>0</v>
      </c>
      <c r="R208" s="15">
        <v>0</v>
      </c>
      <c r="S208" s="15">
        <v>0</v>
      </c>
      <c r="T208" s="15">
        <v>0</v>
      </c>
      <c r="U208" s="15">
        <v>0</v>
      </c>
    </row>
    <row r="209" spans="1:21" ht="18.75" x14ac:dyDescent="0.15">
      <c r="A209" s="16" t="s">
        <v>93</v>
      </c>
      <c r="B209" s="16" t="s">
        <v>15</v>
      </c>
      <c r="C209" s="17">
        <v>2</v>
      </c>
      <c r="D209" s="45" t="s">
        <v>86</v>
      </c>
      <c r="E209" s="8">
        <v>9</v>
      </c>
      <c r="F209" s="8">
        <v>9</v>
      </c>
      <c r="G209" s="8">
        <v>9</v>
      </c>
      <c r="H209" s="8">
        <v>3</v>
      </c>
      <c r="I209" s="8">
        <v>6</v>
      </c>
      <c r="J209" s="8">
        <v>0</v>
      </c>
      <c r="K209" s="8">
        <v>0</v>
      </c>
      <c r="L209" s="8">
        <v>0</v>
      </c>
      <c r="M209" s="8">
        <v>0</v>
      </c>
      <c r="N209" s="8">
        <v>0</v>
      </c>
      <c r="O209" s="8">
        <v>0</v>
      </c>
      <c r="P209" s="8">
        <v>0</v>
      </c>
      <c r="Q209" s="8">
        <v>0</v>
      </c>
      <c r="R209" s="8">
        <v>0</v>
      </c>
      <c r="S209" s="8">
        <v>0</v>
      </c>
      <c r="T209" s="8">
        <v>0</v>
      </c>
      <c r="U209" s="8">
        <v>0</v>
      </c>
    </row>
    <row r="210" spans="1:21" ht="18.75" x14ac:dyDescent="0.15">
      <c r="A210" s="16" t="s">
        <v>93</v>
      </c>
      <c r="B210" s="16" t="s">
        <v>15</v>
      </c>
      <c r="C210" s="17">
        <v>3</v>
      </c>
      <c r="D210" s="45" t="s">
        <v>85</v>
      </c>
      <c r="E210" s="18">
        <v>2</v>
      </c>
      <c r="F210" s="18">
        <v>2</v>
      </c>
      <c r="G210" s="18">
        <v>2</v>
      </c>
      <c r="H210" s="18">
        <v>0</v>
      </c>
      <c r="I210" s="18">
        <v>2</v>
      </c>
      <c r="J210" s="18">
        <v>0</v>
      </c>
      <c r="K210" s="18">
        <v>0</v>
      </c>
      <c r="L210" s="18">
        <v>0</v>
      </c>
      <c r="M210" s="18">
        <v>0</v>
      </c>
      <c r="N210" s="18">
        <v>0</v>
      </c>
      <c r="O210" s="18">
        <v>0</v>
      </c>
      <c r="P210" s="18">
        <v>0</v>
      </c>
      <c r="Q210" s="18">
        <v>0</v>
      </c>
      <c r="R210" s="18">
        <v>0</v>
      </c>
      <c r="S210" s="18">
        <v>0</v>
      </c>
      <c r="T210" s="18">
        <v>0</v>
      </c>
      <c r="U210" s="18">
        <v>0</v>
      </c>
    </row>
    <row r="211" spans="1:21" ht="18.75" x14ac:dyDescent="0.15">
      <c r="A211" s="16" t="s">
        <v>96</v>
      </c>
      <c r="B211" s="16" t="s">
        <v>14</v>
      </c>
      <c r="C211" s="17">
        <v>1</v>
      </c>
      <c r="D211" s="46" t="s">
        <v>87</v>
      </c>
      <c r="E211" s="15">
        <v>6900</v>
      </c>
      <c r="F211" s="15">
        <v>6230</v>
      </c>
      <c r="G211" s="15">
        <v>5497</v>
      </c>
      <c r="H211" s="15">
        <v>375</v>
      </c>
      <c r="I211" s="15">
        <v>5122</v>
      </c>
      <c r="J211" s="15">
        <v>642</v>
      </c>
      <c r="K211" s="15">
        <v>558</v>
      </c>
      <c r="L211" s="15">
        <v>70</v>
      </c>
      <c r="M211" s="15">
        <v>14</v>
      </c>
      <c r="N211" s="15">
        <v>91</v>
      </c>
      <c r="O211" s="15">
        <v>670</v>
      </c>
      <c r="P211" s="15">
        <v>600</v>
      </c>
      <c r="Q211" s="15">
        <v>64</v>
      </c>
      <c r="R211" s="15">
        <v>34</v>
      </c>
      <c r="S211" s="15">
        <v>27</v>
      </c>
      <c r="T211" s="15">
        <v>3</v>
      </c>
      <c r="U211" s="15">
        <v>6</v>
      </c>
    </row>
    <row r="212" spans="1:21" ht="18.75" x14ac:dyDescent="0.15">
      <c r="A212" s="16" t="s">
        <v>97</v>
      </c>
      <c r="B212" s="16" t="s">
        <v>14</v>
      </c>
      <c r="C212" s="17">
        <v>2</v>
      </c>
      <c r="D212" s="45" t="s">
        <v>86</v>
      </c>
      <c r="E212" s="8">
        <v>3748</v>
      </c>
      <c r="F212" s="8">
        <v>3396</v>
      </c>
      <c r="G212" s="8">
        <v>2875</v>
      </c>
      <c r="H212" s="8">
        <v>210</v>
      </c>
      <c r="I212" s="8">
        <v>2665</v>
      </c>
      <c r="J212" s="8">
        <v>465</v>
      </c>
      <c r="K212" s="8">
        <v>397</v>
      </c>
      <c r="L212" s="8">
        <v>61</v>
      </c>
      <c r="M212" s="8">
        <v>7</v>
      </c>
      <c r="N212" s="8">
        <v>56</v>
      </c>
      <c r="O212" s="8">
        <v>352</v>
      </c>
      <c r="P212" s="8">
        <v>319</v>
      </c>
      <c r="Q212" s="8">
        <v>29</v>
      </c>
      <c r="R212" s="8">
        <v>14</v>
      </c>
      <c r="S212" s="8">
        <v>13</v>
      </c>
      <c r="T212" s="8">
        <v>2</v>
      </c>
      <c r="U212" s="8">
        <v>4</v>
      </c>
    </row>
    <row r="213" spans="1:21" ht="18.75" x14ac:dyDescent="0.15">
      <c r="A213" s="16" t="s">
        <v>97</v>
      </c>
      <c r="B213" s="16" t="s">
        <v>14</v>
      </c>
      <c r="C213" s="17">
        <v>3</v>
      </c>
      <c r="D213" s="45" t="s">
        <v>85</v>
      </c>
      <c r="E213" s="18">
        <v>3152</v>
      </c>
      <c r="F213" s="18">
        <v>2834</v>
      </c>
      <c r="G213" s="18">
        <v>2622</v>
      </c>
      <c r="H213" s="18">
        <v>165</v>
      </c>
      <c r="I213" s="18">
        <v>2457</v>
      </c>
      <c r="J213" s="18">
        <v>177</v>
      </c>
      <c r="K213" s="18">
        <v>161</v>
      </c>
      <c r="L213" s="18">
        <v>9</v>
      </c>
      <c r="M213" s="18">
        <v>7</v>
      </c>
      <c r="N213" s="18">
        <v>35</v>
      </c>
      <c r="O213" s="18">
        <v>318</v>
      </c>
      <c r="P213" s="18">
        <v>281</v>
      </c>
      <c r="Q213" s="18">
        <v>35</v>
      </c>
      <c r="R213" s="18">
        <v>20</v>
      </c>
      <c r="S213" s="18">
        <v>14</v>
      </c>
      <c r="T213" s="18">
        <v>1</v>
      </c>
      <c r="U213" s="18">
        <v>2</v>
      </c>
    </row>
    <row r="214" spans="1:21" ht="18.75" x14ac:dyDescent="0.15">
      <c r="A214" s="16" t="s">
        <v>96</v>
      </c>
      <c r="B214" s="16" t="s">
        <v>13</v>
      </c>
      <c r="C214" s="17">
        <v>1</v>
      </c>
      <c r="D214" s="46" t="s">
        <v>87</v>
      </c>
      <c r="E214" s="15">
        <v>6973</v>
      </c>
      <c r="F214" s="15">
        <v>6382</v>
      </c>
      <c r="G214" s="15">
        <v>5582</v>
      </c>
      <c r="H214" s="15">
        <v>342</v>
      </c>
      <c r="I214" s="15">
        <v>5240</v>
      </c>
      <c r="J214" s="15">
        <v>722</v>
      </c>
      <c r="K214" s="15">
        <v>628</v>
      </c>
      <c r="L214" s="15">
        <v>73</v>
      </c>
      <c r="M214" s="15">
        <v>21</v>
      </c>
      <c r="N214" s="15">
        <v>78</v>
      </c>
      <c r="O214" s="15">
        <v>591</v>
      </c>
      <c r="P214" s="15">
        <v>530</v>
      </c>
      <c r="Q214" s="15">
        <v>54</v>
      </c>
      <c r="R214" s="15">
        <v>36</v>
      </c>
      <c r="S214" s="15">
        <v>18</v>
      </c>
      <c r="T214" s="15">
        <v>0</v>
      </c>
      <c r="U214" s="15">
        <v>7</v>
      </c>
    </row>
    <row r="215" spans="1:21" ht="18.75" x14ac:dyDescent="0.15">
      <c r="A215" s="16" t="s">
        <v>96</v>
      </c>
      <c r="B215" s="16" t="s">
        <v>13</v>
      </c>
      <c r="C215" s="17">
        <v>2</v>
      </c>
      <c r="D215" s="45" t="s">
        <v>86</v>
      </c>
      <c r="E215" s="8">
        <v>3688</v>
      </c>
      <c r="F215" s="8">
        <v>3380</v>
      </c>
      <c r="G215" s="8">
        <v>2791</v>
      </c>
      <c r="H215" s="8">
        <v>190</v>
      </c>
      <c r="I215" s="8">
        <v>2601</v>
      </c>
      <c r="J215" s="8">
        <v>549</v>
      </c>
      <c r="K215" s="8">
        <v>468</v>
      </c>
      <c r="L215" s="8">
        <v>62</v>
      </c>
      <c r="M215" s="8">
        <v>19</v>
      </c>
      <c r="N215" s="8">
        <v>40</v>
      </c>
      <c r="O215" s="8">
        <v>308</v>
      </c>
      <c r="P215" s="8">
        <v>278</v>
      </c>
      <c r="Q215" s="8">
        <v>27</v>
      </c>
      <c r="R215" s="8">
        <v>16</v>
      </c>
      <c r="S215" s="8">
        <v>11</v>
      </c>
      <c r="T215" s="8">
        <v>0</v>
      </c>
      <c r="U215" s="8">
        <v>3</v>
      </c>
    </row>
    <row r="216" spans="1:21" ht="18.75" x14ac:dyDescent="0.15">
      <c r="A216" s="16" t="s">
        <v>97</v>
      </c>
      <c r="B216" s="16" t="s">
        <v>13</v>
      </c>
      <c r="C216" s="17">
        <v>3</v>
      </c>
      <c r="D216" s="45" t="s">
        <v>85</v>
      </c>
      <c r="E216" s="18">
        <v>3285</v>
      </c>
      <c r="F216" s="18">
        <v>3002</v>
      </c>
      <c r="G216" s="18">
        <v>2791</v>
      </c>
      <c r="H216" s="18">
        <v>152</v>
      </c>
      <c r="I216" s="18">
        <v>2639</v>
      </c>
      <c r="J216" s="18">
        <v>173</v>
      </c>
      <c r="K216" s="18">
        <v>160</v>
      </c>
      <c r="L216" s="18">
        <v>11</v>
      </c>
      <c r="M216" s="18">
        <v>2</v>
      </c>
      <c r="N216" s="18">
        <v>38</v>
      </c>
      <c r="O216" s="18">
        <v>283</v>
      </c>
      <c r="P216" s="18">
        <v>252</v>
      </c>
      <c r="Q216" s="18">
        <v>27</v>
      </c>
      <c r="R216" s="18">
        <v>20</v>
      </c>
      <c r="S216" s="18">
        <v>7</v>
      </c>
      <c r="T216" s="18">
        <v>0</v>
      </c>
      <c r="U216" s="18">
        <v>4</v>
      </c>
    </row>
    <row r="217" spans="1:21" ht="18.75" x14ac:dyDescent="0.15">
      <c r="A217" s="16" t="s">
        <v>96</v>
      </c>
      <c r="B217" s="16" t="s">
        <v>12</v>
      </c>
      <c r="C217" s="17">
        <v>1</v>
      </c>
      <c r="D217" s="46" t="s">
        <v>87</v>
      </c>
      <c r="E217" s="15">
        <v>771</v>
      </c>
      <c r="F217" s="15">
        <v>713</v>
      </c>
      <c r="G217" s="15">
        <v>627</v>
      </c>
      <c r="H217" s="15">
        <v>67</v>
      </c>
      <c r="I217" s="15">
        <v>560</v>
      </c>
      <c r="J217" s="15">
        <v>82</v>
      </c>
      <c r="K217" s="15">
        <v>77</v>
      </c>
      <c r="L217" s="15">
        <v>4</v>
      </c>
      <c r="M217" s="15">
        <v>1</v>
      </c>
      <c r="N217" s="15">
        <v>4</v>
      </c>
      <c r="O217" s="15">
        <v>58</v>
      </c>
      <c r="P217" s="15">
        <v>55</v>
      </c>
      <c r="Q217" s="15">
        <v>3</v>
      </c>
      <c r="R217" s="15">
        <v>0</v>
      </c>
      <c r="S217" s="15">
        <v>3</v>
      </c>
      <c r="T217" s="15">
        <v>0</v>
      </c>
      <c r="U217" s="15">
        <v>0</v>
      </c>
    </row>
    <row r="218" spans="1:21" ht="18.75" x14ac:dyDescent="0.15">
      <c r="A218" s="16" t="s">
        <v>97</v>
      </c>
      <c r="B218" s="16" t="s">
        <v>12</v>
      </c>
      <c r="C218" s="17">
        <v>2</v>
      </c>
      <c r="D218" s="45" t="s">
        <v>86</v>
      </c>
      <c r="E218" s="8">
        <v>421</v>
      </c>
      <c r="F218" s="8">
        <v>393</v>
      </c>
      <c r="G218" s="8">
        <v>339</v>
      </c>
      <c r="H218" s="8">
        <v>40</v>
      </c>
      <c r="I218" s="8">
        <v>299</v>
      </c>
      <c r="J218" s="8">
        <v>53</v>
      </c>
      <c r="K218" s="8">
        <v>51</v>
      </c>
      <c r="L218" s="8">
        <v>2</v>
      </c>
      <c r="M218" s="8">
        <v>0</v>
      </c>
      <c r="N218" s="8">
        <v>1</v>
      </c>
      <c r="O218" s="8">
        <v>28</v>
      </c>
      <c r="P218" s="8">
        <v>26</v>
      </c>
      <c r="Q218" s="8">
        <v>2</v>
      </c>
      <c r="R218" s="8">
        <v>0</v>
      </c>
      <c r="S218" s="8">
        <v>2</v>
      </c>
      <c r="T218" s="8">
        <v>0</v>
      </c>
      <c r="U218" s="8">
        <v>0</v>
      </c>
    </row>
    <row r="219" spans="1:21" ht="18.75" x14ac:dyDescent="0.15">
      <c r="A219" s="16" t="s">
        <v>96</v>
      </c>
      <c r="B219" s="16" t="s">
        <v>12</v>
      </c>
      <c r="C219" s="17">
        <v>3</v>
      </c>
      <c r="D219" s="45" t="s">
        <v>85</v>
      </c>
      <c r="E219" s="18">
        <v>350</v>
      </c>
      <c r="F219" s="18">
        <v>320</v>
      </c>
      <c r="G219" s="18">
        <v>288</v>
      </c>
      <c r="H219" s="18">
        <v>27</v>
      </c>
      <c r="I219" s="18">
        <v>261</v>
      </c>
      <c r="J219" s="18">
        <v>29</v>
      </c>
      <c r="K219" s="18">
        <v>26</v>
      </c>
      <c r="L219" s="18">
        <v>2</v>
      </c>
      <c r="M219" s="18">
        <v>1</v>
      </c>
      <c r="N219" s="18">
        <v>3</v>
      </c>
      <c r="O219" s="18">
        <v>30</v>
      </c>
      <c r="P219" s="18">
        <v>29</v>
      </c>
      <c r="Q219" s="18">
        <v>1</v>
      </c>
      <c r="R219" s="18">
        <v>0</v>
      </c>
      <c r="S219" s="18">
        <v>1</v>
      </c>
      <c r="T219" s="18">
        <v>0</v>
      </c>
      <c r="U219" s="18">
        <v>0</v>
      </c>
    </row>
    <row r="220" spans="1:21" ht="18.75" x14ac:dyDescent="0.15">
      <c r="A220" s="16" t="s">
        <v>97</v>
      </c>
      <c r="B220" s="16" t="s">
        <v>11</v>
      </c>
      <c r="C220" s="17">
        <v>1</v>
      </c>
      <c r="D220" s="46" t="s">
        <v>87</v>
      </c>
      <c r="E220" s="15">
        <v>1240</v>
      </c>
      <c r="F220" s="15">
        <v>1179</v>
      </c>
      <c r="G220" s="15">
        <v>1045</v>
      </c>
      <c r="H220" s="15">
        <v>125</v>
      </c>
      <c r="I220" s="15">
        <v>920</v>
      </c>
      <c r="J220" s="15">
        <v>103</v>
      </c>
      <c r="K220" s="15">
        <v>90</v>
      </c>
      <c r="L220" s="15">
        <v>10</v>
      </c>
      <c r="M220" s="15">
        <v>3</v>
      </c>
      <c r="N220" s="15">
        <v>31</v>
      </c>
      <c r="O220" s="15">
        <v>61</v>
      </c>
      <c r="P220" s="15">
        <v>56</v>
      </c>
      <c r="Q220" s="15">
        <v>3</v>
      </c>
      <c r="R220" s="15">
        <v>2</v>
      </c>
      <c r="S220" s="15">
        <v>1</v>
      </c>
      <c r="T220" s="15">
        <v>0</v>
      </c>
      <c r="U220" s="15">
        <v>2</v>
      </c>
    </row>
    <row r="221" spans="1:21" ht="18.75" x14ac:dyDescent="0.15">
      <c r="A221" s="16" t="s">
        <v>97</v>
      </c>
      <c r="B221" s="16" t="s">
        <v>11</v>
      </c>
      <c r="C221" s="17">
        <v>2</v>
      </c>
      <c r="D221" s="45" t="s">
        <v>86</v>
      </c>
      <c r="E221" s="8">
        <v>684</v>
      </c>
      <c r="F221" s="8">
        <v>659</v>
      </c>
      <c r="G221" s="8">
        <v>558</v>
      </c>
      <c r="H221" s="8">
        <v>77</v>
      </c>
      <c r="I221" s="8">
        <v>481</v>
      </c>
      <c r="J221" s="8">
        <v>82</v>
      </c>
      <c r="K221" s="8">
        <v>72</v>
      </c>
      <c r="L221" s="8">
        <v>7</v>
      </c>
      <c r="M221" s="8">
        <v>3</v>
      </c>
      <c r="N221" s="8">
        <v>19</v>
      </c>
      <c r="O221" s="8">
        <v>25</v>
      </c>
      <c r="P221" s="8">
        <v>22</v>
      </c>
      <c r="Q221" s="8">
        <v>2</v>
      </c>
      <c r="R221" s="8">
        <v>1</v>
      </c>
      <c r="S221" s="8">
        <v>1</v>
      </c>
      <c r="T221" s="8">
        <v>0</v>
      </c>
      <c r="U221" s="8">
        <v>1</v>
      </c>
    </row>
    <row r="222" spans="1:21" ht="18.75" x14ac:dyDescent="0.15">
      <c r="A222" s="16" t="s">
        <v>96</v>
      </c>
      <c r="B222" s="16" t="s">
        <v>11</v>
      </c>
      <c r="C222" s="17">
        <v>3</v>
      </c>
      <c r="D222" s="45" t="s">
        <v>85</v>
      </c>
      <c r="E222" s="18">
        <v>556</v>
      </c>
      <c r="F222" s="18">
        <v>520</v>
      </c>
      <c r="G222" s="18">
        <v>487</v>
      </c>
      <c r="H222" s="18">
        <v>48</v>
      </c>
      <c r="I222" s="18">
        <v>439</v>
      </c>
      <c r="J222" s="18">
        <v>21</v>
      </c>
      <c r="K222" s="18">
        <v>18</v>
      </c>
      <c r="L222" s="18">
        <v>3</v>
      </c>
      <c r="M222" s="18">
        <v>0</v>
      </c>
      <c r="N222" s="18">
        <v>12</v>
      </c>
      <c r="O222" s="18">
        <v>36</v>
      </c>
      <c r="P222" s="18">
        <v>34</v>
      </c>
      <c r="Q222" s="18">
        <v>1</v>
      </c>
      <c r="R222" s="18">
        <v>1</v>
      </c>
      <c r="S222" s="18">
        <v>0</v>
      </c>
      <c r="T222" s="18">
        <v>0</v>
      </c>
      <c r="U222" s="18">
        <v>1</v>
      </c>
    </row>
    <row r="223" spans="1:21" ht="18.75" x14ac:dyDescent="0.15">
      <c r="A223" s="16" t="s">
        <v>96</v>
      </c>
      <c r="B223" s="16" t="s">
        <v>10</v>
      </c>
      <c r="C223" s="17">
        <v>1</v>
      </c>
      <c r="D223" s="46" t="s">
        <v>87</v>
      </c>
      <c r="E223" s="15">
        <v>1985</v>
      </c>
      <c r="F223" s="15">
        <v>1847</v>
      </c>
      <c r="G223" s="15">
        <v>1665</v>
      </c>
      <c r="H223" s="15">
        <v>118</v>
      </c>
      <c r="I223" s="15">
        <v>1547</v>
      </c>
      <c r="J223" s="15">
        <v>127</v>
      </c>
      <c r="K223" s="15">
        <v>116</v>
      </c>
      <c r="L223" s="15">
        <v>7</v>
      </c>
      <c r="M223" s="15">
        <v>4</v>
      </c>
      <c r="N223" s="15">
        <v>55</v>
      </c>
      <c r="O223" s="15">
        <v>138</v>
      </c>
      <c r="P223" s="15">
        <v>130</v>
      </c>
      <c r="Q223" s="15">
        <v>7</v>
      </c>
      <c r="R223" s="15">
        <v>6</v>
      </c>
      <c r="S223" s="15">
        <v>1</v>
      </c>
      <c r="T223" s="15">
        <v>0</v>
      </c>
      <c r="U223" s="15">
        <v>1</v>
      </c>
    </row>
    <row r="224" spans="1:21" ht="18.75" x14ac:dyDescent="0.15">
      <c r="A224" s="16" t="s">
        <v>96</v>
      </c>
      <c r="B224" s="16" t="s">
        <v>10</v>
      </c>
      <c r="C224" s="17">
        <v>2</v>
      </c>
      <c r="D224" s="45" t="s">
        <v>86</v>
      </c>
      <c r="E224" s="8">
        <v>1047</v>
      </c>
      <c r="F224" s="8">
        <v>970</v>
      </c>
      <c r="G224" s="8">
        <v>840</v>
      </c>
      <c r="H224" s="8">
        <v>71</v>
      </c>
      <c r="I224" s="8">
        <v>769</v>
      </c>
      <c r="J224" s="8">
        <v>100</v>
      </c>
      <c r="K224" s="8">
        <v>93</v>
      </c>
      <c r="L224" s="8">
        <v>6</v>
      </c>
      <c r="M224" s="8">
        <v>1</v>
      </c>
      <c r="N224" s="8">
        <v>30</v>
      </c>
      <c r="O224" s="8">
        <v>77</v>
      </c>
      <c r="P224" s="8">
        <v>71</v>
      </c>
      <c r="Q224" s="8">
        <v>6</v>
      </c>
      <c r="R224" s="8">
        <v>5</v>
      </c>
      <c r="S224" s="8">
        <v>1</v>
      </c>
      <c r="T224" s="8">
        <v>0</v>
      </c>
      <c r="U224" s="8">
        <v>0</v>
      </c>
    </row>
    <row r="225" spans="1:21" ht="18.75" x14ac:dyDescent="0.15">
      <c r="A225" s="16" t="s">
        <v>96</v>
      </c>
      <c r="B225" s="16" t="s">
        <v>10</v>
      </c>
      <c r="C225" s="17">
        <v>3</v>
      </c>
      <c r="D225" s="45" t="s">
        <v>85</v>
      </c>
      <c r="E225" s="18">
        <v>938</v>
      </c>
      <c r="F225" s="18">
        <v>877</v>
      </c>
      <c r="G225" s="18">
        <v>825</v>
      </c>
      <c r="H225" s="18">
        <v>47</v>
      </c>
      <c r="I225" s="18">
        <v>778</v>
      </c>
      <c r="J225" s="18">
        <v>27</v>
      </c>
      <c r="K225" s="18">
        <v>23</v>
      </c>
      <c r="L225" s="18">
        <v>1</v>
      </c>
      <c r="M225" s="18">
        <v>3</v>
      </c>
      <c r="N225" s="18">
        <v>25</v>
      </c>
      <c r="O225" s="18">
        <v>61</v>
      </c>
      <c r="P225" s="18">
        <v>59</v>
      </c>
      <c r="Q225" s="18">
        <v>1</v>
      </c>
      <c r="R225" s="18">
        <v>1</v>
      </c>
      <c r="S225" s="18">
        <v>0</v>
      </c>
      <c r="T225" s="18">
        <v>0</v>
      </c>
      <c r="U225" s="18">
        <v>1</v>
      </c>
    </row>
    <row r="226" spans="1:21" ht="18.75" x14ac:dyDescent="0.15">
      <c r="A226" s="16" t="s">
        <v>96</v>
      </c>
      <c r="B226" s="16" t="s">
        <v>9</v>
      </c>
      <c r="C226" s="17">
        <v>1</v>
      </c>
      <c r="D226" s="46" t="s">
        <v>87</v>
      </c>
      <c r="E226" s="15">
        <v>2096</v>
      </c>
      <c r="F226" s="15">
        <v>1903</v>
      </c>
      <c r="G226" s="15">
        <v>1609</v>
      </c>
      <c r="H226" s="15">
        <v>149</v>
      </c>
      <c r="I226" s="15">
        <v>1460</v>
      </c>
      <c r="J226" s="15">
        <v>227</v>
      </c>
      <c r="K226" s="15">
        <v>208</v>
      </c>
      <c r="L226" s="15">
        <v>13</v>
      </c>
      <c r="M226" s="15">
        <v>6</v>
      </c>
      <c r="N226" s="15">
        <v>67</v>
      </c>
      <c r="O226" s="15">
        <v>193</v>
      </c>
      <c r="P226" s="15">
        <v>158</v>
      </c>
      <c r="Q226" s="15">
        <v>15</v>
      </c>
      <c r="R226" s="15">
        <v>9</v>
      </c>
      <c r="S226" s="15">
        <v>6</v>
      </c>
      <c r="T226" s="15">
        <v>0</v>
      </c>
      <c r="U226" s="15">
        <v>20</v>
      </c>
    </row>
    <row r="227" spans="1:21" ht="18.75" x14ac:dyDescent="0.15">
      <c r="A227" s="16" t="s">
        <v>96</v>
      </c>
      <c r="B227" s="16" t="s">
        <v>9</v>
      </c>
      <c r="C227" s="17">
        <v>2</v>
      </c>
      <c r="D227" s="45" t="s">
        <v>86</v>
      </c>
      <c r="E227" s="8">
        <v>1119</v>
      </c>
      <c r="F227" s="8">
        <v>1025</v>
      </c>
      <c r="G227" s="8">
        <v>830</v>
      </c>
      <c r="H227" s="8">
        <v>79</v>
      </c>
      <c r="I227" s="8">
        <v>751</v>
      </c>
      <c r="J227" s="8">
        <v>161</v>
      </c>
      <c r="K227" s="8">
        <v>147</v>
      </c>
      <c r="L227" s="8">
        <v>9</v>
      </c>
      <c r="M227" s="8">
        <v>5</v>
      </c>
      <c r="N227" s="8">
        <v>34</v>
      </c>
      <c r="O227" s="8">
        <v>94</v>
      </c>
      <c r="P227" s="8">
        <v>85</v>
      </c>
      <c r="Q227" s="8">
        <v>7</v>
      </c>
      <c r="R227" s="8">
        <v>6</v>
      </c>
      <c r="S227" s="8">
        <v>1</v>
      </c>
      <c r="T227" s="8">
        <v>0</v>
      </c>
      <c r="U227" s="8">
        <v>2</v>
      </c>
    </row>
    <row r="228" spans="1:21" ht="18.75" x14ac:dyDescent="0.15">
      <c r="A228" s="16" t="s">
        <v>96</v>
      </c>
      <c r="B228" s="16" t="s">
        <v>9</v>
      </c>
      <c r="C228" s="17">
        <v>3</v>
      </c>
      <c r="D228" s="45" t="s">
        <v>85</v>
      </c>
      <c r="E228" s="18">
        <v>977</v>
      </c>
      <c r="F228" s="18">
        <v>878</v>
      </c>
      <c r="G228" s="18">
        <v>779</v>
      </c>
      <c r="H228" s="18">
        <v>70</v>
      </c>
      <c r="I228" s="18">
        <v>709</v>
      </c>
      <c r="J228" s="18">
        <v>66</v>
      </c>
      <c r="K228" s="18">
        <v>61</v>
      </c>
      <c r="L228" s="18">
        <v>4</v>
      </c>
      <c r="M228" s="18">
        <v>1</v>
      </c>
      <c r="N228" s="18">
        <v>33</v>
      </c>
      <c r="O228" s="18">
        <v>99</v>
      </c>
      <c r="P228" s="18">
        <v>73</v>
      </c>
      <c r="Q228" s="18">
        <v>8</v>
      </c>
      <c r="R228" s="18">
        <v>3</v>
      </c>
      <c r="S228" s="18">
        <v>5</v>
      </c>
      <c r="T228" s="18">
        <v>0</v>
      </c>
      <c r="U228" s="18">
        <v>18</v>
      </c>
    </row>
    <row r="229" spans="1:21" ht="18.75" x14ac:dyDescent="0.15">
      <c r="A229" s="16" t="s">
        <v>96</v>
      </c>
      <c r="B229" s="16" t="s">
        <v>8</v>
      </c>
      <c r="C229" s="17">
        <v>1</v>
      </c>
      <c r="D229" s="46" t="s">
        <v>87</v>
      </c>
      <c r="E229" s="15">
        <v>715</v>
      </c>
      <c r="F229" s="15">
        <v>678</v>
      </c>
      <c r="G229" s="15">
        <v>574</v>
      </c>
      <c r="H229" s="15">
        <v>103</v>
      </c>
      <c r="I229" s="15">
        <v>471</v>
      </c>
      <c r="J229" s="15">
        <v>90</v>
      </c>
      <c r="K229" s="15">
        <v>84</v>
      </c>
      <c r="L229" s="15">
        <v>3</v>
      </c>
      <c r="M229" s="15">
        <v>3</v>
      </c>
      <c r="N229" s="15">
        <v>14</v>
      </c>
      <c r="O229" s="15">
        <v>37</v>
      </c>
      <c r="P229" s="15">
        <v>32</v>
      </c>
      <c r="Q229" s="15">
        <v>4</v>
      </c>
      <c r="R229" s="15">
        <v>3</v>
      </c>
      <c r="S229" s="15">
        <v>1</v>
      </c>
      <c r="T229" s="15">
        <v>0</v>
      </c>
      <c r="U229" s="15">
        <v>1</v>
      </c>
    </row>
    <row r="230" spans="1:21" ht="18.75" x14ac:dyDescent="0.15">
      <c r="A230" s="16" t="s">
        <v>96</v>
      </c>
      <c r="B230" s="16" t="s">
        <v>8</v>
      </c>
      <c r="C230" s="17">
        <v>2</v>
      </c>
      <c r="D230" s="45" t="s">
        <v>86</v>
      </c>
      <c r="E230" s="8">
        <v>407</v>
      </c>
      <c r="F230" s="8">
        <v>389</v>
      </c>
      <c r="G230" s="8">
        <v>318</v>
      </c>
      <c r="H230" s="8">
        <v>64</v>
      </c>
      <c r="I230" s="8">
        <v>254</v>
      </c>
      <c r="J230" s="8">
        <v>61</v>
      </c>
      <c r="K230" s="8">
        <v>57</v>
      </c>
      <c r="L230" s="8">
        <v>2</v>
      </c>
      <c r="M230" s="8">
        <v>2</v>
      </c>
      <c r="N230" s="8">
        <v>10</v>
      </c>
      <c r="O230" s="8">
        <v>18</v>
      </c>
      <c r="P230" s="8">
        <v>15</v>
      </c>
      <c r="Q230" s="8">
        <v>2</v>
      </c>
      <c r="R230" s="8">
        <v>2</v>
      </c>
      <c r="S230" s="8">
        <v>0</v>
      </c>
      <c r="T230" s="8">
        <v>0</v>
      </c>
      <c r="U230" s="8">
        <v>1</v>
      </c>
    </row>
    <row r="231" spans="1:21" ht="18.75" x14ac:dyDescent="0.15">
      <c r="A231" s="16" t="s">
        <v>96</v>
      </c>
      <c r="B231" s="16" t="s">
        <v>8</v>
      </c>
      <c r="C231" s="17">
        <v>3</v>
      </c>
      <c r="D231" s="45" t="s">
        <v>85</v>
      </c>
      <c r="E231" s="18">
        <v>308</v>
      </c>
      <c r="F231" s="18">
        <v>289</v>
      </c>
      <c r="G231" s="18">
        <v>256</v>
      </c>
      <c r="H231" s="18">
        <v>39</v>
      </c>
      <c r="I231" s="18">
        <v>217</v>
      </c>
      <c r="J231" s="18">
        <v>29</v>
      </c>
      <c r="K231" s="18">
        <v>27</v>
      </c>
      <c r="L231" s="18">
        <v>1</v>
      </c>
      <c r="M231" s="18">
        <v>1</v>
      </c>
      <c r="N231" s="18">
        <v>4</v>
      </c>
      <c r="O231" s="18">
        <v>19</v>
      </c>
      <c r="P231" s="18">
        <v>17</v>
      </c>
      <c r="Q231" s="18">
        <v>2</v>
      </c>
      <c r="R231" s="18">
        <v>1</v>
      </c>
      <c r="S231" s="18">
        <v>1</v>
      </c>
      <c r="T231" s="18">
        <v>0</v>
      </c>
      <c r="U231" s="18">
        <v>0</v>
      </c>
    </row>
    <row r="232" spans="1:21" ht="18.75" x14ac:dyDescent="0.15">
      <c r="A232" s="16" t="s">
        <v>97</v>
      </c>
      <c r="B232" s="16" t="s">
        <v>7</v>
      </c>
      <c r="C232" s="17">
        <v>1</v>
      </c>
      <c r="D232" s="46" t="s">
        <v>87</v>
      </c>
      <c r="E232" s="15">
        <v>2750</v>
      </c>
      <c r="F232" s="15">
        <v>2546</v>
      </c>
      <c r="G232" s="15">
        <v>2204</v>
      </c>
      <c r="H232" s="15">
        <v>190</v>
      </c>
      <c r="I232" s="15">
        <v>2014</v>
      </c>
      <c r="J232" s="15">
        <v>269</v>
      </c>
      <c r="K232" s="15">
        <v>236</v>
      </c>
      <c r="L232" s="15">
        <v>21</v>
      </c>
      <c r="M232" s="15">
        <v>12</v>
      </c>
      <c r="N232" s="15">
        <v>73</v>
      </c>
      <c r="O232" s="15">
        <v>204</v>
      </c>
      <c r="P232" s="15">
        <v>180</v>
      </c>
      <c r="Q232" s="15">
        <v>24</v>
      </c>
      <c r="R232" s="15">
        <v>10</v>
      </c>
      <c r="S232" s="15">
        <v>12</v>
      </c>
      <c r="T232" s="15">
        <v>2</v>
      </c>
      <c r="U232" s="15">
        <v>0</v>
      </c>
    </row>
    <row r="233" spans="1:21" ht="18.75" x14ac:dyDescent="0.15">
      <c r="A233" s="16" t="s">
        <v>96</v>
      </c>
      <c r="B233" s="16" t="s">
        <v>7</v>
      </c>
      <c r="C233" s="17">
        <v>2</v>
      </c>
      <c r="D233" s="45" t="s">
        <v>86</v>
      </c>
      <c r="E233" s="8">
        <v>1451</v>
      </c>
      <c r="F233" s="8">
        <v>1353</v>
      </c>
      <c r="G233" s="8">
        <v>1130</v>
      </c>
      <c r="H233" s="8">
        <v>112</v>
      </c>
      <c r="I233" s="8">
        <v>1018</v>
      </c>
      <c r="J233" s="8">
        <v>184</v>
      </c>
      <c r="K233" s="8">
        <v>161</v>
      </c>
      <c r="L233" s="8">
        <v>19</v>
      </c>
      <c r="M233" s="8">
        <v>4</v>
      </c>
      <c r="N233" s="8">
        <v>39</v>
      </c>
      <c r="O233" s="8">
        <v>98</v>
      </c>
      <c r="P233" s="8">
        <v>87</v>
      </c>
      <c r="Q233" s="8">
        <v>11</v>
      </c>
      <c r="R233" s="8">
        <v>6</v>
      </c>
      <c r="S233" s="8">
        <v>4</v>
      </c>
      <c r="T233" s="8">
        <v>1</v>
      </c>
      <c r="U233" s="8">
        <v>0</v>
      </c>
    </row>
    <row r="234" spans="1:21" ht="18.75" x14ac:dyDescent="0.15">
      <c r="A234" s="16" t="s">
        <v>97</v>
      </c>
      <c r="B234" s="16" t="s">
        <v>7</v>
      </c>
      <c r="C234" s="17">
        <v>3</v>
      </c>
      <c r="D234" s="45" t="s">
        <v>85</v>
      </c>
      <c r="E234" s="18">
        <v>1299</v>
      </c>
      <c r="F234" s="18">
        <v>1193</v>
      </c>
      <c r="G234" s="18">
        <v>1074</v>
      </c>
      <c r="H234" s="18">
        <v>78</v>
      </c>
      <c r="I234" s="18">
        <v>996</v>
      </c>
      <c r="J234" s="18">
        <v>85</v>
      </c>
      <c r="K234" s="18">
        <v>75</v>
      </c>
      <c r="L234" s="18">
        <v>2</v>
      </c>
      <c r="M234" s="18">
        <v>8</v>
      </c>
      <c r="N234" s="18">
        <v>34</v>
      </c>
      <c r="O234" s="18">
        <v>106</v>
      </c>
      <c r="P234" s="18">
        <v>93</v>
      </c>
      <c r="Q234" s="18">
        <v>13</v>
      </c>
      <c r="R234" s="18">
        <v>4</v>
      </c>
      <c r="S234" s="18">
        <v>8</v>
      </c>
      <c r="T234" s="18">
        <v>1</v>
      </c>
      <c r="U234" s="18">
        <v>0</v>
      </c>
    </row>
    <row r="235" spans="1:21" ht="18.75" x14ac:dyDescent="0.15">
      <c r="A235" s="16" t="s">
        <v>3</v>
      </c>
      <c r="B235" s="16" t="s">
        <v>6</v>
      </c>
      <c r="C235" s="17">
        <v>1</v>
      </c>
      <c r="D235" s="46" t="s">
        <v>87</v>
      </c>
      <c r="E235" s="9" t="s">
        <v>130</v>
      </c>
      <c r="F235" s="9" t="s">
        <v>130</v>
      </c>
      <c r="G235" s="9" t="s">
        <v>130</v>
      </c>
      <c r="H235" s="9" t="s">
        <v>130</v>
      </c>
      <c r="I235" s="9" t="s">
        <v>130</v>
      </c>
      <c r="J235" s="9" t="s">
        <v>130</v>
      </c>
      <c r="K235" s="9" t="s">
        <v>130</v>
      </c>
      <c r="L235" s="9" t="s">
        <v>130</v>
      </c>
      <c r="M235" s="9" t="s">
        <v>130</v>
      </c>
      <c r="N235" s="9" t="s">
        <v>130</v>
      </c>
      <c r="O235" s="9" t="s">
        <v>130</v>
      </c>
      <c r="P235" s="9" t="s">
        <v>130</v>
      </c>
      <c r="Q235" s="9" t="s">
        <v>130</v>
      </c>
      <c r="R235" s="9" t="s">
        <v>130</v>
      </c>
      <c r="S235" s="9" t="s">
        <v>130</v>
      </c>
      <c r="T235" s="9" t="s">
        <v>130</v>
      </c>
      <c r="U235" s="9" t="s">
        <v>130</v>
      </c>
    </row>
    <row r="236" spans="1:21" ht="18.75" x14ac:dyDescent="0.15">
      <c r="A236" s="16" t="s">
        <v>3</v>
      </c>
      <c r="B236" s="16" t="s">
        <v>6</v>
      </c>
      <c r="C236" s="17">
        <v>2</v>
      </c>
      <c r="D236" s="45" t="s">
        <v>86</v>
      </c>
      <c r="E236" s="10" t="s">
        <v>130</v>
      </c>
      <c r="F236" s="10" t="s">
        <v>130</v>
      </c>
      <c r="G236" s="10" t="s">
        <v>130</v>
      </c>
      <c r="H236" s="10" t="s">
        <v>130</v>
      </c>
      <c r="I236" s="10" t="s">
        <v>130</v>
      </c>
      <c r="J236" s="10" t="s">
        <v>130</v>
      </c>
      <c r="K236" s="10" t="s">
        <v>130</v>
      </c>
      <c r="L236" s="10" t="s">
        <v>130</v>
      </c>
      <c r="M236" s="10" t="s">
        <v>130</v>
      </c>
      <c r="N236" s="10" t="s">
        <v>130</v>
      </c>
      <c r="O236" s="10" t="s">
        <v>130</v>
      </c>
      <c r="P236" s="10" t="s">
        <v>130</v>
      </c>
      <c r="Q236" s="10" t="s">
        <v>130</v>
      </c>
      <c r="R236" s="10" t="s">
        <v>130</v>
      </c>
      <c r="S236" s="10" t="s">
        <v>130</v>
      </c>
      <c r="T236" s="10" t="s">
        <v>130</v>
      </c>
      <c r="U236" s="10" t="s">
        <v>130</v>
      </c>
    </row>
    <row r="237" spans="1:21" ht="18.75" x14ac:dyDescent="0.15">
      <c r="A237" s="16" t="s">
        <v>3</v>
      </c>
      <c r="B237" s="16" t="s">
        <v>6</v>
      </c>
      <c r="C237" s="17">
        <v>3</v>
      </c>
      <c r="D237" s="45" t="s">
        <v>85</v>
      </c>
      <c r="E237" s="11" t="s">
        <v>130</v>
      </c>
      <c r="F237" s="11" t="s">
        <v>130</v>
      </c>
      <c r="G237" s="11" t="s">
        <v>130</v>
      </c>
      <c r="H237" s="11" t="s">
        <v>130</v>
      </c>
      <c r="I237" s="11" t="s">
        <v>130</v>
      </c>
      <c r="J237" s="11" t="s">
        <v>130</v>
      </c>
      <c r="K237" s="11" t="s">
        <v>130</v>
      </c>
      <c r="L237" s="11" t="s">
        <v>130</v>
      </c>
      <c r="M237" s="11" t="s">
        <v>130</v>
      </c>
      <c r="N237" s="11" t="s">
        <v>130</v>
      </c>
      <c r="O237" s="11" t="s">
        <v>130</v>
      </c>
      <c r="P237" s="11" t="s">
        <v>130</v>
      </c>
      <c r="Q237" s="11" t="s">
        <v>130</v>
      </c>
      <c r="R237" s="11" t="s">
        <v>130</v>
      </c>
      <c r="S237" s="11" t="s">
        <v>130</v>
      </c>
      <c r="T237" s="11" t="s">
        <v>130</v>
      </c>
      <c r="U237" s="11" t="s">
        <v>130</v>
      </c>
    </row>
    <row r="238" spans="1:21" ht="18.75" x14ac:dyDescent="0.15">
      <c r="A238" s="16" t="s">
        <v>3</v>
      </c>
      <c r="B238" s="16" t="s">
        <v>5</v>
      </c>
      <c r="C238" s="17">
        <v>1</v>
      </c>
      <c r="D238" s="46" t="s">
        <v>87</v>
      </c>
      <c r="E238" s="15">
        <v>528</v>
      </c>
      <c r="F238" s="15">
        <v>491</v>
      </c>
      <c r="G238" s="15">
        <v>424</v>
      </c>
      <c r="H238" s="15">
        <v>53</v>
      </c>
      <c r="I238" s="15">
        <v>371</v>
      </c>
      <c r="J238" s="15">
        <v>33</v>
      </c>
      <c r="K238" s="15">
        <v>27</v>
      </c>
      <c r="L238" s="15">
        <v>4</v>
      </c>
      <c r="M238" s="15">
        <v>2</v>
      </c>
      <c r="N238" s="15">
        <v>34</v>
      </c>
      <c r="O238" s="15">
        <v>37</v>
      </c>
      <c r="P238" s="15">
        <v>29</v>
      </c>
      <c r="Q238" s="15">
        <v>5</v>
      </c>
      <c r="R238" s="15">
        <v>4</v>
      </c>
      <c r="S238" s="15">
        <v>1</v>
      </c>
      <c r="T238" s="15">
        <v>0</v>
      </c>
      <c r="U238" s="15">
        <v>3</v>
      </c>
    </row>
    <row r="239" spans="1:21" ht="18.75" x14ac:dyDescent="0.15">
      <c r="A239" s="16" t="s">
        <v>3</v>
      </c>
      <c r="B239" s="16" t="s">
        <v>5</v>
      </c>
      <c r="C239" s="17">
        <v>2</v>
      </c>
      <c r="D239" s="45" t="s">
        <v>86</v>
      </c>
      <c r="E239" s="8">
        <v>277</v>
      </c>
      <c r="F239" s="8">
        <v>259</v>
      </c>
      <c r="G239" s="8">
        <v>220</v>
      </c>
      <c r="H239" s="8">
        <v>35</v>
      </c>
      <c r="I239" s="8">
        <v>185</v>
      </c>
      <c r="J239" s="8">
        <v>21</v>
      </c>
      <c r="K239" s="8">
        <v>17</v>
      </c>
      <c r="L239" s="8">
        <v>3</v>
      </c>
      <c r="M239" s="8">
        <v>1</v>
      </c>
      <c r="N239" s="8">
        <v>18</v>
      </c>
      <c r="O239" s="8">
        <v>18</v>
      </c>
      <c r="P239" s="8">
        <v>13</v>
      </c>
      <c r="Q239" s="8">
        <v>3</v>
      </c>
      <c r="R239" s="8">
        <v>3</v>
      </c>
      <c r="S239" s="8">
        <v>0</v>
      </c>
      <c r="T239" s="8">
        <v>0</v>
      </c>
      <c r="U239" s="8">
        <v>2</v>
      </c>
    </row>
    <row r="240" spans="1:21" ht="18.75" x14ac:dyDescent="0.15">
      <c r="A240" s="16" t="s">
        <v>3</v>
      </c>
      <c r="B240" s="16" t="s">
        <v>5</v>
      </c>
      <c r="C240" s="17">
        <v>3</v>
      </c>
      <c r="D240" s="45" t="s">
        <v>85</v>
      </c>
      <c r="E240" s="18">
        <v>251</v>
      </c>
      <c r="F240" s="18">
        <v>232</v>
      </c>
      <c r="G240" s="18">
        <v>204</v>
      </c>
      <c r="H240" s="18">
        <v>18</v>
      </c>
      <c r="I240" s="18">
        <v>186</v>
      </c>
      <c r="J240" s="18">
        <v>12</v>
      </c>
      <c r="K240" s="18">
        <v>10</v>
      </c>
      <c r="L240" s="18">
        <v>1</v>
      </c>
      <c r="M240" s="18">
        <v>1</v>
      </c>
      <c r="N240" s="18">
        <v>16</v>
      </c>
      <c r="O240" s="18">
        <v>19</v>
      </c>
      <c r="P240" s="18">
        <v>16</v>
      </c>
      <c r="Q240" s="18">
        <v>2</v>
      </c>
      <c r="R240" s="18">
        <v>1</v>
      </c>
      <c r="S240" s="18">
        <v>1</v>
      </c>
      <c r="T240" s="18">
        <v>0</v>
      </c>
      <c r="U240" s="18">
        <v>1</v>
      </c>
    </row>
    <row r="241" spans="1:21" ht="18.75" x14ac:dyDescent="0.15">
      <c r="A241" s="16" t="s">
        <v>3</v>
      </c>
      <c r="B241" s="16" t="s">
        <v>4</v>
      </c>
      <c r="C241" s="17">
        <v>1</v>
      </c>
      <c r="D241" s="46" t="s">
        <v>87</v>
      </c>
      <c r="E241" s="9" t="s">
        <v>130</v>
      </c>
      <c r="F241" s="9" t="s">
        <v>130</v>
      </c>
      <c r="G241" s="9" t="s">
        <v>130</v>
      </c>
      <c r="H241" s="9" t="s">
        <v>130</v>
      </c>
      <c r="I241" s="9" t="s">
        <v>130</v>
      </c>
      <c r="J241" s="9" t="s">
        <v>130</v>
      </c>
      <c r="K241" s="9" t="s">
        <v>130</v>
      </c>
      <c r="L241" s="9" t="s">
        <v>130</v>
      </c>
      <c r="M241" s="9" t="s">
        <v>130</v>
      </c>
      <c r="N241" s="9" t="s">
        <v>130</v>
      </c>
      <c r="O241" s="9" t="s">
        <v>130</v>
      </c>
      <c r="P241" s="9" t="s">
        <v>130</v>
      </c>
      <c r="Q241" s="9" t="s">
        <v>130</v>
      </c>
      <c r="R241" s="9" t="s">
        <v>130</v>
      </c>
      <c r="S241" s="9" t="s">
        <v>130</v>
      </c>
      <c r="T241" s="9" t="s">
        <v>130</v>
      </c>
      <c r="U241" s="9" t="s">
        <v>130</v>
      </c>
    </row>
    <row r="242" spans="1:21" ht="18.75" x14ac:dyDescent="0.15">
      <c r="A242" s="16" t="s">
        <v>3</v>
      </c>
      <c r="B242" s="16" t="s">
        <v>4</v>
      </c>
      <c r="C242" s="17">
        <v>2</v>
      </c>
      <c r="D242" s="45" t="s">
        <v>86</v>
      </c>
      <c r="E242" s="10" t="s">
        <v>130</v>
      </c>
      <c r="F242" s="10" t="s">
        <v>130</v>
      </c>
      <c r="G242" s="10" t="s">
        <v>130</v>
      </c>
      <c r="H242" s="10" t="s">
        <v>130</v>
      </c>
      <c r="I242" s="10" t="s">
        <v>130</v>
      </c>
      <c r="J242" s="10" t="s">
        <v>130</v>
      </c>
      <c r="K242" s="10" t="s">
        <v>130</v>
      </c>
      <c r="L242" s="10" t="s">
        <v>130</v>
      </c>
      <c r="M242" s="10" t="s">
        <v>130</v>
      </c>
      <c r="N242" s="10" t="s">
        <v>130</v>
      </c>
      <c r="O242" s="10" t="s">
        <v>130</v>
      </c>
      <c r="P242" s="10" t="s">
        <v>130</v>
      </c>
      <c r="Q242" s="10" t="s">
        <v>130</v>
      </c>
      <c r="R242" s="10" t="s">
        <v>130</v>
      </c>
      <c r="S242" s="10" t="s">
        <v>130</v>
      </c>
      <c r="T242" s="10" t="s">
        <v>130</v>
      </c>
      <c r="U242" s="10" t="s">
        <v>130</v>
      </c>
    </row>
    <row r="243" spans="1:21" ht="18.75" x14ac:dyDescent="0.15">
      <c r="A243" s="16" t="s">
        <v>3</v>
      </c>
      <c r="B243" s="16" t="s">
        <v>4</v>
      </c>
      <c r="C243" s="17">
        <v>3</v>
      </c>
      <c r="D243" s="45" t="s">
        <v>85</v>
      </c>
      <c r="E243" s="11" t="s">
        <v>130</v>
      </c>
      <c r="F243" s="11" t="s">
        <v>130</v>
      </c>
      <c r="G243" s="11" t="s">
        <v>130</v>
      </c>
      <c r="H243" s="11" t="s">
        <v>130</v>
      </c>
      <c r="I243" s="11" t="s">
        <v>130</v>
      </c>
      <c r="J243" s="11" t="s">
        <v>130</v>
      </c>
      <c r="K243" s="11" t="s">
        <v>130</v>
      </c>
      <c r="L243" s="11" t="s">
        <v>130</v>
      </c>
      <c r="M243" s="11" t="s">
        <v>130</v>
      </c>
      <c r="N243" s="11" t="s">
        <v>130</v>
      </c>
      <c r="O243" s="11" t="s">
        <v>130</v>
      </c>
      <c r="P243" s="11" t="s">
        <v>130</v>
      </c>
      <c r="Q243" s="11" t="s">
        <v>130</v>
      </c>
      <c r="R243" s="11" t="s">
        <v>130</v>
      </c>
      <c r="S243" s="11" t="s">
        <v>130</v>
      </c>
      <c r="T243" s="11" t="s">
        <v>130</v>
      </c>
      <c r="U243" s="11" t="s">
        <v>130</v>
      </c>
    </row>
    <row r="244" spans="1:21" ht="18.75" x14ac:dyDescent="0.15">
      <c r="A244" s="16" t="s">
        <v>3</v>
      </c>
      <c r="B244" s="16" t="s">
        <v>2</v>
      </c>
      <c r="C244" s="17">
        <v>1</v>
      </c>
      <c r="D244" s="46" t="s">
        <v>87</v>
      </c>
      <c r="E244" s="15">
        <v>110</v>
      </c>
      <c r="F244" s="15">
        <v>97</v>
      </c>
      <c r="G244" s="15">
        <v>86</v>
      </c>
      <c r="H244" s="15">
        <v>16</v>
      </c>
      <c r="I244" s="15">
        <v>70</v>
      </c>
      <c r="J244" s="15">
        <v>6</v>
      </c>
      <c r="K244" s="15">
        <v>5</v>
      </c>
      <c r="L244" s="15">
        <v>0</v>
      </c>
      <c r="M244" s="15">
        <v>1</v>
      </c>
      <c r="N244" s="15">
        <v>5</v>
      </c>
      <c r="O244" s="15">
        <v>13</v>
      </c>
      <c r="P244" s="15">
        <v>11</v>
      </c>
      <c r="Q244" s="15">
        <v>1</v>
      </c>
      <c r="R244" s="15">
        <v>0</v>
      </c>
      <c r="S244" s="15">
        <v>0</v>
      </c>
      <c r="T244" s="15">
        <v>1</v>
      </c>
      <c r="U244" s="15">
        <v>1</v>
      </c>
    </row>
    <row r="245" spans="1:21" ht="18.75" x14ac:dyDescent="0.15">
      <c r="A245" s="16" t="s">
        <v>3</v>
      </c>
      <c r="B245" s="16" t="s">
        <v>2</v>
      </c>
      <c r="C245" s="17">
        <v>2</v>
      </c>
      <c r="D245" s="45" t="s">
        <v>86</v>
      </c>
      <c r="E245" s="8">
        <v>60</v>
      </c>
      <c r="F245" s="8">
        <v>53</v>
      </c>
      <c r="G245" s="8">
        <v>46</v>
      </c>
      <c r="H245" s="8">
        <v>11</v>
      </c>
      <c r="I245" s="8">
        <v>35</v>
      </c>
      <c r="J245" s="8">
        <v>5</v>
      </c>
      <c r="K245" s="8">
        <v>4</v>
      </c>
      <c r="L245" s="8">
        <v>0</v>
      </c>
      <c r="M245" s="8">
        <v>1</v>
      </c>
      <c r="N245" s="8">
        <v>2</v>
      </c>
      <c r="O245" s="8">
        <v>7</v>
      </c>
      <c r="P245" s="8">
        <v>5</v>
      </c>
      <c r="Q245" s="8">
        <v>1</v>
      </c>
      <c r="R245" s="8">
        <v>0</v>
      </c>
      <c r="S245" s="8">
        <v>0</v>
      </c>
      <c r="T245" s="8">
        <v>1</v>
      </c>
      <c r="U245" s="8">
        <v>1</v>
      </c>
    </row>
    <row r="246" spans="1:21" ht="18.75" x14ac:dyDescent="0.15">
      <c r="A246" s="16" t="s">
        <v>3</v>
      </c>
      <c r="B246" s="16" t="s">
        <v>2</v>
      </c>
      <c r="C246" s="17">
        <v>3</v>
      </c>
      <c r="D246" s="45" t="s">
        <v>85</v>
      </c>
      <c r="E246" s="18">
        <v>50</v>
      </c>
      <c r="F246" s="18">
        <v>44</v>
      </c>
      <c r="G246" s="18">
        <v>40</v>
      </c>
      <c r="H246" s="18">
        <v>5</v>
      </c>
      <c r="I246" s="18">
        <v>35</v>
      </c>
      <c r="J246" s="18">
        <v>1</v>
      </c>
      <c r="K246" s="18">
        <v>1</v>
      </c>
      <c r="L246" s="18">
        <v>0</v>
      </c>
      <c r="M246" s="18">
        <v>0</v>
      </c>
      <c r="N246" s="18">
        <v>3</v>
      </c>
      <c r="O246" s="18">
        <v>6</v>
      </c>
      <c r="P246" s="18">
        <v>6</v>
      </c>
      <c r="Q246" s="18">
        <v>0</v>
      </c>
      <c r="R246" s="18">
        <v>0</v>
      </c>
      <c r="S246" s="18">
        <v>0</v>
      </c>
      <c r="T246" s="18">
        <v>0</v>
      </c>
      <c r="U246" s="18">
        <v>0</v>
      </c>
    </row>
    <row r="247" spans="1:21" ht="18.75" x14ac:dyDescent="0.15">
      <c r="A247" s="16" t="s">
        <v>98</v>
      </c>
      <c r="B247" s="16" t="s">
        <v>1</v>
      </c>
      <c r="C247" s="17">
        <v>1</v>
      </c>
      <c r="D247" s="46" t="s">
        <v>87</v>
      </c>
      <c r="E247" s="15">
        <v>532</v>
      </c>
      <c r="F247" s="15">
        <v>481</v>
      </c>
      <c r="G247" s="15">
        <v>438</v>
      </c>
      <c r="H247" s="15">
        <v>40</v>
      </c>
      <c r="I247" s="15">
        <v>398</v>
      </c>
      <c r="J247" s="15">
        <v>24</v>
      </c>
      <c r="K247" s="15">
        <v>16</v>
      </c>
      <c r="L247" s="15">
        <v>8</v>
      </c>
      <c r="M247" s="15">
        <v>0</v>
      </c>
      <c r="N247" s="15">
        <v>19</v>
      </c>
      <c r="O247" s="15">
        <v>51</v>
      </c>
      <c r="P247" s="15">
        <v>49</v>
      </c>
      <c r="Q247" s="15">
        <v>2</v>
      </c>
      <c r="R247" s="15">
        <v>0</v>
      </c>
      <c r="S247" s="15">
        <v>1</v>
      </c>
      <c r="T247" s="15">
        <v>1</v>
      </c>
      <c r="U247" s="15">
        <v>0</v>
      </c>
    </row>
    <row r="248" spans="1:21" ht="18.75" x14ac:dyDescent="0.15">
      <c r="A248" s="16" t="s">
        <v>99</v>
      </c>
      <c r="B248" s="16" t="s">
        <v>1</v>
      </c>
      <c r="C248" s="17">
        <v>2</v>
      </c>
      <c r="D248" s="45" t="s">
        <v>86</v>
      </c>
      <c r="E248" s="8">
        <v>295</v>
      </c>
      <c r="F248" s="8">
        <v>260</v>
      </c>
      <c r="G248" s="8">
        <v>234</v>
      </c>
      <c r="H248" s="8">
        <v>20</v>
      </c>
      <c r="I248" s="8">
        <v>214</v>
      </c>
      <c r="J248" s="8">
        <v>19</v>
      </c>
      <c r="K248" s="8">
        <v>13</v>
      </c>
      <c r="L248" s="8">
        <v>6</v>
      </c>
      <c r="M248" s="8">
        <v>0</v>
      </c>
      <c r="N248" s="8">
        <v>7</v>
      </c>
      <c r="O248" s="8">
        <v>35</v>
      </c>
      <c r="P248" s="8">
        <v>35</v>
      </c>
      <c r="Q248" s="8">
        <v>0</v>
      </c>
      <c r="R248" s="8">
        <v>0</v>
      </c>
      <c r="S248" s="8">
        <v>0</v>
      </c>
      <c r="T248" s="8">
        <v>0</v>
      </c>
      <c r="U248" s="8">
        <v>0</v>
      </c>
    </row>
    <row r="249" spans="1:21" ht="18.75" x14ac:dyDescent="0.15">
      <c r="A249" s="16" t="s">
        <v>98</v>
      </c>
      <c r="B249" s="16" t="s">
        <v>1</v>
      </c>
      <c r="C249" s="17">
        <v>3</v>
      </c>
      <c r="D249" s="45" t="s">
        <v>85</v>
      </c>
      <c r="E249" s="18">
        <v>237</v>
      </c>
      <c r="F249" s="18">
        <v>221</v>
      </c>
      <c r="G249" s="18">
        <v>204</v>
      </c>
      <c r="H249" s="18">
        <v>20</v>
      </c>
      <c r="I249" s="18">
        <v>184</v>
      </c>
      <c r="J249" s="18">
        <v>5</v>
      </c>
      <c r="K249" s="18">
        <v>3</v>
      </c>
      <c r="L249" s="18">
        <v>2</v>
      </c>
      <c r="M249" s="18">
        <v>0</v>
      </c>
      <c r="N249" s="18">
        <v>12</v>
      </c>
      <c r="O249" s="18">
        <v>16</v>
      </c>
      <c r="P249" s="18">
        <v>14</v>
      </c>
      <c r="Q249" s="18">
        <v>2</v>
      </c>
      <c r="R249" s="18">
        <v>0</v>
      </c>
      <c r="S249" s="18">
        <v>1</v>
      </c>
      <c r="T249" s="18">
        <v>1</v>
      </c>
      <c r="U249" s="18">
        <v>0</v>
      </c>
    </row>
    <row r="250" spans="1:21" ht="18.75" x14ac:dyDescent="0.15">
      <c r="A250" s="16" t="s">
        <v>99</v>
      </c>
      <c r="B250" s="20" t="s">
        <v>0</v>
      </c>
      <c r="C250" s="21">
        <v>1</v>
      </c>
      <c r="D250" s="47" t="s">
        <v>87</v>
      </c>
      <c r="E250" s="15">
        <v>145</v>
      </c>
      <c r="F250" s="15">
        <v>140</v>
      </c>
      <c r="G250" s="15">
        <v>124</v>
      </c>
      <c r="H250" s="15">
        <v>18</v>
      </c>
      <c r="I250" s="15">
        <v>106</v>
      </c>
      <c r="J250" s="15">
        <v>10</v>
      </c>
      <c r="K250" s="15">
        <v>5</v>
      </c>
      <c r="L250" s="15">
        <v>5</v>
      </c>
      <c r="M250" s="15">
        <v>0</v>
      </c>
      <c r="N250" s="15">
        <v>6</v>
      </c>
      <c r="O250" s="15">
        <v>5</v>
      </c>
      <c r="P250" s="15">
        <v>4</v>
      </c>
      <c r="Q250" s="15">
        <v>1</v>
      </c>
      <c r="R250" s="15">
        <v>1</v>
      </c>
      <c r="S250" s="15">
        <v>0</v>
      </c>
      <c r="T250" s="15">
        <v>0</v>
      </c>
      <c r="U250" s="15">
        <v>0</v>
      </c>
    </row>
    <row r="251" spans="1:21" ht="18.75" x14ac:dyDescent="0.15">
      <c r="A251" s="16" t="s">
        <v>98</v>
      </c>
      <c r="B251" s="16" t="s">
        <v>0</v>
      </c>
      <c r="C251" s="17">
        <v>2</v>
      </c>
      <c r="D251" s="45" t="s">
        <v>86</v>
      </c>
      <c r="E251" s="8">
        <v>76</v>
      </c>
      <c r="F251" s="8">
        <v>74</v>
      </c>
      <c r="G251" s="8">
        <v>62</v>
      </c>
      <c r="H251" s="8">
        <v>9</v>
      </c>
      <c r="I251" s="8">
        <v>53</v>
      </c>
      <c r="J251" s="8">
        <v>8</v>
      </c>
      <c r="K251" s="8">
        <v>4</v>
      </c>
      <c r="L251" s="8">
        <v>4</v>
      </c>
      <c r="M251" s="8">
        <v>0</v>
      </c>
      <c r="N251" s="8">
        <v>4</v>
      </c>
      <c r="O251" s="8">
        <v>2</v>
      </c>
      <c r="P251" s="8">
        <v>2</v>
      </c>
      <c r="Q251" s="8">
        <v>0</v>
      </c>
      <c r="R251" s="8">
        <v>0</v>
      </c>
      <c r="S251" s="8">
        <v>0</v>
      </c>
      <c r="T251" s="8">
        <v>0</v>
      </c>
      <c r="U251" s="8">
        <v>0</v>
      </c>
    </row>
    <row r="252" spans="1:21" ht="18.75" x14ac:dyDescent="0.15">
      <c r="A252" s="22" t="s">
        <v>99</v>
      </c>
      <c r="B252" s="22" t="s">
        <v>0</v>
      </c>
      <c r="C252" s="23">
        <v>3</v>
      </c>
      <c r="D252" s="48" t="s">
        <v>85</v>
      </c>
      <c r="E252" s="18">
        <v>69</v>
      </c>
      <c r="F252" s="18">
        <v>66</v>
      </c>
      <c r="G252" s="18">
        <v>62</v>
      </c>
      <c r="H252" s="18">
        <v>9</v>
      </c>
      <c r="I252" s="18">
        <v>53</v>
      </c>
      <c r="J252" s="18">
        <v>2</v>
      </c>
      <c r="K252" s="18">
        <v>1</v>
      </c>
      <c r="L252" s="18">
        <v>1</v>
      </c>
      <c r="M252" s="18">
        <v>0</v>
      </c>
      <c r="N252" s="18">
        <v>2</v>
      </c>
      <c r="O252" s="18">
        <v>3</v>
      </c>
      <c r="P252" s="18">
        <v>2</v>
      </c>
      <c r="Q252" s="18">
        <v>1</v>
      </c>
      <c r="R252" s="18">
        <v>1</v>
      </c>
      <c r="S252" s="18">
        <v>0</v>
      </c>
      <c r="T252" s="18">
        <v>0</v>
      </c>
      <c r="U252" s="18">
        <v>0</v>
      </c>
    </row>
    <row r="253" spans="1:21" ht="18.75" x14ac:dyDescent="0.4">
      <c r="A253" s="35" t="s">
        <v>133</v>
      </c>
      <c r="B253" s="36"/>
      <c r="C253" s="37"/>
      <c r="D253" s="38"/>
      <c r="E253" s="36"/>
      <c r="F253" s="38"/>
      <c r="G253" s="37"/>
      <c r="H253" s="39"/>
      <c r="I253" s="2"/>
      <c r="J253" s="2"/>
      <c r="K253" s="2"/>
      <c r="L253" s="2"/>
      <c r="M253" s="2"/>
    </row>
    <row r="254" spans="1:21" ht="18.75" x14ac:dyDescent="0.4">
      <c r="A254" s="35" t="s">
        <v>134</v>
      </c>
      <c r="B254" s="36"/>
      <c r="C254" s="37"/>
      <c r="D254" s="38"/>
      <c r="E254" s="36"/>
      <c r="F254" s="38"/>
      <c r="G254" s="37"/>
      <c r="H254" s="39"/>
    </row>
  </sheetData>
  <mergeCells count="17">
    <mergeCell ref="A3:A6"/>
    <mergeCell ref="B3:B6"/>
    <mergeCell ref="C3:D6"/>
    <mergeCell ref="E3:E5"/>
    <mergeCell ref="F3:N3"/>
    <mergeCell ref="K4:M4"/>
    <mergeCell ref="N4:N5"/>
    <mergeCell ref="O3:U3"/>
    <mergeCell ref="F4:F5"/>
    <mergeCell ref="G4:G5"/>
    <mergeCell ref="H4:I4"/>
    <mergeCell ref="J4:J5"/>
    <mergeCell ref="U4:U5"/>
    <mergeCell ref="O4:O5"/>
    <mergeCell ref="P4:P5"/>
    <mergeCell ref="Q4:Q5"/>
    <mergeCell ref="R4:T4"/>
  </mergeCells>
  <phoneticPr fontId="2"/>
  <conditionalFormatting sqref="A7:D162 A163:A165 C163:D165 A166:D250">
    <cfRule type="expression" dxfId="23" priority="14" stopIfTrue="1">
      <formula>$C10=3</formula>
    </cfRule>
  </conditionalFormatting>
  <conditionalFormatting sqref="E7:U234 E244:U252 E238:U240">
    <cfRule type="expression" dxfId="22" priority="13" stopIfTrue="1">
      <formula>$E7=3</formula>
    </cfRule>
  </conditionalFormatting>
  <conditionalFormatting sqref="K4 E3 E6:U6">
    <cfRule type="expression" dxfId="21" priority="10" stopIfTrue="1">
      <formula>$D3=3</formula>
    </cfRule>
  </conditionalFormatting>
  <conditionalFormatting sqref="K5:M5">
    <cfRule type="expression" dxfId="20" priority="11" stopIfTrue="1">
      <formula>$D3=3</formula>
    </cfRule>
  </conditionalFormatting>
  <conditionalFormatting sqref="F4 N4 H4 J4">
    <cfRule type="expression" dxfId="19" priority="12" stopIfTrue="1">
      <formula>$D3=3</formula>
    </cfRule>
  </conditionalFormatting>
  <conditionalFormatting sqref="G4">
    <cfRule type="expression" dxfId="18" priority="9" stopIfTrue="1">
      <formula>$D3=3</formula>
    </cfRule>
  </conditionalFormatting>
  <conditionalFormatting sqref="H5:I5">
    <cfRule type="expression" dxfId="17" priority="8" stopIfTrue="1">
      <formula>$D4=3</formula>
    </cfRule>
  </conditionalFormatting>
  <conditionalFormatting sqref="B3">
    <cfRule type="expression" dxfId="16" priority="7" stopIfTrue="1">
      <formula>$C5=3</formula>
    </cfRule>
  </conditionalFormatting>
  <conditionalFormatting sqref="A3">
    <cfRule type="expression" dxfId="15" priority="6" stopIfTrue="1">
      <formula>$E5=3</formula>
    </cfRule>
  </conditionalFormatting>
  <conditionalFormatting sqref="A252:D252">
    <cfRule type="expression" dxfId="14" priority="59" stopIfTrue="1">
      <formula>#REF!=3</formula>
    </cfRule>
  </conditionalFormatting>
  <conditionalFormatting sqref="B163:B165">
    <cfRule type="expression" dxfId="13" priority="5" stopIfTrue="1">
      <formula>$F163="女"</formula>
    </cfRule>
  </conditionalFormatting>
  <conditionalFormatting sqref="A251:D251">
    <cfRule type="expression" dxfId="12" priority="61" stopIfTrue="1">
      <formula>#REF!=3</formula>
    </cfRule>
  </conditionalFormatting>
  <conditionalFormatting sqref="E241:U242">
    <cfRule type="expression" dxfId="11" priority="4" stopIfTrue="1">
      <formula>$E241=3</formula>
    </cfRule>
  </conditionalFormatting>
  <conditionalFormatting sqref="E243:U243">
    <cfRule type="expression" dxfId="10" priority="3" stopIfTrue="1">
      <formula>$E243=3</formula>
    </cfRule>
  </conditionalFormatting>
  <conditionalFormatting sqref="E235:U236">
    <cfRule type="expression" dxfId="9" priority="2" stopIfTrue="1">
      <formula>$E235=3</formula>
    </cfRule>
  </conditionalFormatting>
  <conditionalFormatting sqref="E237:U237">
    <cfRule type="expression" dxfId="8" priority="1" stopIfTrue="1">
      <formula>$E237=3</formula>
    </cfRule>
  </conditionalFormatting>
  <pageMargins left="0.7" right="0.7" top="0.75" bottom="0.75" header="0.3" footer="0.3"/>
  <pageSetup paperSize="9" scale="69" fitToHeight="0" orientation="landscape" horizontalDpi="300" verticalDpi="30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32"/>
  <sheetViews>
    <sheetView workbookViewId="0">
      <pane ySplit="6" topLeftCell="A13" activePane="bottomLeft" state="frozen"/>
      <selection activeCell="A1723" sqref="A1723:D4372"/>
      <selection pane="bottomLeft" activeCell="C1" sqref="C1:C1048576"/>
    </sheetView>
  </sheetViews>
  <sheetFormatPr defaultRowHeight="13.5" x14ac:dyDescent="0.15"/>
  <cols>
    <col min="1" max="1" width="8.625" style="1" customWidth="1"/>
    <col min="2" max="2" width="3.625" style="1" customWidth="1"/>
    <col min="3" max="3" width="5.625" style="49" customWidth="1"/>
    <col min="4" max="20" width="10.625" style="1" customWidth="1"/>
    <col min="21" max="239" width="9" style="1"/>
    <col min="240" max="240" width="10.75" style="1" customWidth="1"/>
    <col min="241" max="241" width="5" style="1" customWidth="1"/>
    <col min="242" max="242" width="6.875" style="1" customWidth="1"/>
    <col min="243" max="495" width="9" style="1"/>
    <col min="496" max="496" width="10.75" style="1" customWidth="1"/>
    <col min="497" max="497" width="5" style="1" customWidth="1"/>
    <col min="498" max="498" width="6.875" style="1" customWidth="1"/>
    <col min="499" max="751" width="9" style="1"/>
    <col min="752" max="752" width="10.75" style="1" customWidth="1"/>
    <col min="753" max="753" width="5" style="1" customWidth="1"/>
    <col min="754" max="754" width="6.875" style="1" customWidth="1"/>
    <col min="755" max="1007" width="9" style="1"/>
    <col min="1008" max="1008" width="10.75" style="1" customWidth="1"/>
    <col min="1009" max="1009" width="5" style="1" customWidth="1"/>
    <col min="1010" max="1010" width="6.875" style="1" customWidth="1"/>
    <col min="1011" max="1263" width="9" style="1"/>
    <col min="1264" max="1264" width="10.75" style="1" customWidth="1"/>
    <col min="1265" max="1265" width="5" style="1" customWidth="1"/>
    <col min="1266" max="1266" width="6.875" style="1" customWidth="1"/>
    <col min="1267" max="1519" width="9" style="1"/>
    <col min="1520" max="1520" width="10.75" style="1" customWidth="1"/>
    <col min="1521" max="1521" width="5" style="1" customWidth="1"/>
    <col min="1522" max="1522" width="6.875" style="1" customWidth="1"/>
    <col min="1523" max="1775" width="9" style="1"/>
    <col min="1776" max="1776" width="10.75" style="1" customWidth="1"/>
    <col min="1777" max="1777" width="5" style="1" customWidth="1"/>
    <col min="1778" max="1778" width="6.875" style="1" customWidth="1"/>
    <col min="1779" max="2031" width="9" style="1"/>
    <col min="2032" max="2032" width="10.75" style="1" customWidth="1"/>
    <col min="2033" max="2033" width="5" style="1" customWidth="1"/>
    <col min="2034" max="2034" width="6.875" style="1" customWidth="1"/>
    <col min="2035" max="2287" width="9" style="1"/>
    <col min="2288" max="2288" width="10.75" style="1" customWidth="1"/>
    <col min="2289" max="2289" width="5" style="1" customWidth="1"/>
    <col min="2290" max="2290" width="6.875" style="1" customWidth="1"/>
    <col min="2291" max="2543" width="9" style="1"/>
    <col min="2544" max="2544" width="10.75" style="1" customWidth="1"/>
    <col min="2545" max="2545" width="5" style="1" customWidth="1"/>
    <col min="2546" max="2546" width="6.875" style="1" customWidth="1"/>
    <col min="2547" max="2799" width="9" style="1"/>
    <col min="2800" max="2800" width="10.75" style="1" customWidth="1"/>
    <col min="2801" max="2801" width="5" style="1" customWidth="1"/>
    <col min="2802" max="2802" width="6.875" style="1" customWidth="1"/>
    <col min="2803" max="3055" width="9" style="1"/>
    <col min="3056" max="3056" width="10.75" style="1" customWidth="1"/>
    <col min="3057" max="3057" width="5" style="1" customWidth="1"/>
    <col min="3058" max="3058" width="6.875" style="1" customWidth="1"/>
    <col min="3059" max="3311" width="9" style="1"/>
    <col min="3312" max="3312" width="10.75" style="1" customWidth="1"/>
    <col min="3313" max="3313" width="5" style="1" customWidth="1"/>
    <col min="3314" max="3314" width="6.875" style="1" customWidth="1"/>
    <col min="3315" max="3567" width="9" style="1"/>
    <col min="3568" max="3568" width="10.75" style="1" customWidth="1"/>
    <col min="3569" max="3569" width="5" style="1" customWidth="1"/>
    <col min="3570" max="3570" width="6.875" style="1" customWidth="1"/>
    <col min="3571" max="3823" width="9" style="1"/>
    <col min="3824" max="3824" width="10.75" style="1" customWidth="1"/>
    <col min="3825" max="3825" width="5" style="1" customWidth="1"/>
    <col min="3826" max="3826" width="6.875" style="1" customWidth="1"/>
    <col min="3827" max="4079" width="9" style="1"/>
    <col min="4080" max="4080" width="10.75" style="1" customWidth="1"/>
    <col min="4081" max="4081" width="5" style="1" customWidth="1"/>
    <col min="4082" max="4082" width="6.875" style="1" customWidth="1"/>
    <col min="4083" max="4335" width="9" style="1"/>
    <col min="4336" max="4336" width="10.75" style="1" customWidth="1"/>
    <col min="4337" max="4337" width="5" style="1" customWidth="1"/>
    <col min="4338" max="4338" width="6.875" style="1" customWidth="1"/>
    <col min="4339" max="4591" width="9" style="1"/>
    <col min="4592" max="4592" width="10.75" style="1" customWidth="1"/>
    <col min="4593" max="4593" width="5" style="1" customWidth="1"/>
    <col min="4594" max="4594" width="6.875" style="1" customWidth="1"/>
    <col min="4595" max="4847" width="9" style="1"/>
    <col min="4848" max="4848" width="10.75" style="1" customWidth="1"/>
    <col min="4849" max="4849" width="5" style="1" customWidth="1"/>
    <col min="4850" max="4850" width="6.875" style="1" customWidth="1"/>
    <col min="4851" max="5103" width="9" style="1"/>
    <col min="5104" max="5104" width="10.75" style="1" customWidth="1"/>
    <col min="5105" max="5105" width="5" style="1" customWidth="1"/>
    <col min="5106" max="5106" width="6.875" style="1" customWidth="1"/>
    <col min="5107" max="5359" width="9" style="1"/>
    <col min="5360" max="5360" width="10.75" style="1" customWidth="1"/>
    <col min="5361" max="5361" width="5" style="1" customWidth="1"/>
    <col min="5362" max="5362" width="6.875" style="1" customWidth="1"/>
    <col min="5363" max="5615" width="9" style="1"/>
    <col min="5616" max="5616" width="10.75" style="1" customWidth="1"/>
    <col min="5617" max="5617" width="5" style="1" customWidth="1"/>
    <col min="5618" max="5618" width="6.875" style="1" customWidth="1"/>
    <col min="5619" max="5871" width="9" style="1"/>
    <col min="5872" max="5872" width="10.75" style="1" customWidth="1"/>
    <col min="5873" max="5873" width="5" style="1" customWidth="1"/>
    <col min="5874" max="5874" width="6.875" style="1" customWidth="1"/>
    <col min="5875" max="6127" width="9" style="1"/>
    <col min="6128" max="6128" width="10.75" style="1" customWidth="1"/>
    <col min="6129" max="6129" width="5" style="1" customWidth="1"/>
    <col min="6130" max="6130" width="6.875" style="1" customWidth="1"/>
    <col min="6131" max="6383" width="9" style="1"/>
    <col min="6384" max="6384" width="10.75" style="1" customWidth="1"/>
    <col min="6385" max="6385" width="5" style="1" customWidth="1"/>
    <col min="6386" max="6386" width="6.875" style="1" customWidth="1"/>
    <col min="6387" max="6639" width="9" style="1"/>
    <col min="6640" max="6640" width="10.75" style="1" customWidth="1"/>
    <col min="6641" max="6641" width="5" style="1" customWidth="1"/>
    <col min="6642" max="6642" width="6.875" style="1" customWidth="1"/>
    <col min="6643" max="6895" width="9" style="1"/>
    <col min="6896" max="6896" width="10.75" style="1" customWidth="1"/>
    <col min="6897" max="6897" width="5" style="1" customWidth="1"/>
    <col min="6898" max="6898" width="6.875" style="1" customWidth="1"/>
    <col min="6899" max="7151" width="9" style="1"/>
    <col min="7152" max="7152" width="10.75" style="1" customWidth="1"/>
    <col min="7153" max="7153" width="5" style="1" customWidth="1"/>
    <col min="7154" max="7154" width="6.875" style="1" customWidth="1"/>
    <col min="7155" max="7407" width="9" style="1"/>
    <col min="7408" max="7408" width="10.75" style="1" customWidth="1"/>
    <col min="7409" max="7409" width="5" style="1" customWidth="1"/>
    <col min="7410" max="7410" width="6.875" style="1" customWidth="1"/>
    <col min="7411" max="7663" width="9" style="1"/>
    <col min="7664" max="7664" width="10.75" style="1" customWidth="1"/>
    <col min="7665" max="7665" width="5" style="1" customWidth="1"/>
    <col min="7666" max="7666" width="6.875" style="1" customWidth="1"/>
    <col min="7667" max="7919" width="9" style="1"/>
    <col min="7920" max="7920" width="10.75" style="1" customWidth="1"/>
    <col min="7921" max="7921" width="5" style="1" customWidth="1"/>
    <col min="7922" max="7922" width="6.875" style="1" customWidth="1"/>
    <col min="7923" max="8175" width="9" style="1"/>
    <col min="8176" max="8176" width="10.75" style="1" customWidth="1"/>
    <col min="8177" max="8177" width="5" style="1" customWidth="1"/>
    <col min="8178" max="8178" width="6.875" style="1" customWidth="1"/>
    <col min="8179" max="8431" width="9" style="1"/>
    <col min="8432" max="8432" width="10.75" style="1" customWidth="1"/>
    <col min="8433" max="8433" width="5" style="1" customWidth="1"/>
    <col min="8434" max="8434" width="6.875" style="1" customWidth="1"/>
    <col min="8435" max="8687" width="9" style="1"/>
    <col min="8688" max="8688" width="10.75" style="1" customWidth="1"/>
    <col min="8689" max="8689" width="5" style="1" customWidth="1"/>
    <col min="8690" max="8690" width="6.875" style="1" customWidth="1"/>
    <col min="8691" max="8943" width="9" style="1"/>
    <col min="8944" max="8944" width="10.75" style="1" customWidth="1"/>
    <col min="8945" max="8945" width="5" style="1" customWidth="1"/>
    <col min="8946" max="8946" width="6.875" style="1" customWidth="1"/>
    <col min="8947" max="9199" width="9" style="1"/>
    <col min="9200" max="9200" width="10.75" style="1" customWidth="1"/>
    <col min="9201" max="9201" width="5" style="1" customWidth="1"/>
    <col min="9202" max="9202" width="6.875" style="1" customWidth="1"/>
    <col min="9203" max="9455" width="9" style="1"/>
    <col min="9456" max="9456" width="10.75" style="1" customWidth="1"/>
    <col min="9457" max="9457" width="5" style="1" customWidth="1"/>
    <col min="9458" max="9458" width="6.875" style="1" customWidth="1"/>
    <col min="9459" max="9711" width="9" style="1"/>
    <col min="9712" max="9712" width="10.75" style="1" customWidth="1"/>
    <col min="9713" max="9713" width="5" style="1" customWidth="1"/>
    <col min="9714" max="9714" width="6.875" style="1" customWidth="1"/>
    <col min="9715" max="9967" width="9" style="1"/>
    <col min="9968" max="9968" width="10.75" style="1" customWidth="1"/>
    <col min="9969" max="9969" width="5" style="1" customWidth="1"/>
    <col min="9970" max="9970" width="6.875" style="1" customWidth="1"/>
    <col min="9971" max="10223" width="9" style="1"/>
    <col min="10224" max="10224" width="10.75" style="1" customWidth="1"/>
    <col min="10225" max="10225" width="5" style="1" customWidth="1"/>
    <col min="10226" max="10226" width="6.875" style="1" customWidth="1"/>
    <col min="10227" max="10479" width="9" style="1"/>
    <col min="10480" max="10480" width="10.75" style="1" customWidth="1"/>
    <col min="10481" max="10481" width="5" style="1" customWidth="1"/>
    <col min="10482" max="10482" width="6.875" style="1" customWidth="1"/>
    <col min="10483" max="10735" width="9" style="1"/>
    <col min="10736" max="10736" width="10.75" style="1" customWidth="1"/>
    <col min="10737" max="10737" width="5" style="1" customWidth="1"/>
    <col min="10738" max="10738" width="6.875" style="1" customWidth="1"/>
    <col min="10739" max="10991" width="9" style="1"/>
    <col min="10992" max="10992" width="10.75" style="1" customWidth="1"/>
    <col min="10993" max="10993" width="5" style="1" customWidth="1"/>
    <col min="10994" max="10994" width="6.875" style="1" customWidth="1"/>
    <col min="10995" max="11247" width="9" style="1"/>
    <col min="11248" max="11248" width="10.75" style="1" customWidth="1"/>
    <col min="11249" max="11249" width="5" style="1" customWidth="1"/>
    <col min="11250" max="11250" width="6.875" style="1" customWidth="1"/>
    <col min="11251" max="11503" width="9" style="1"/>
    <col min="11504" max="11504" width="10.75" style="1" customWidth="1"/>
    <col min="11505" max="11505" width="5" style="1" customWidth="1"/>
    <col min="11506" max="11506" width="6.875" style="1" customWidth="1"/>
    <col min="11507" max="11759" width="9" style="1"/>
    <col min="11760" max="11760" width="10.75" style="1" customWidth="1"/>
    <col min="11761" max="11761" width="5" style="1" customWidth="1"/>
    <col min="11762" max="11762" width="6.875" style="1" customWidth="1"/>
    <col min="11763" max="12015" width="9" style="1"/>
    <col min="12016" max="12016" width="10.75" style="1" customWidth="1"/>
    <col min="12017" max="12017" width="5" style="1" customWidth="1"/>
    <col min="12018" max="12018" width="6.875" style="1" customWidth="1"/>
    <col min="12019" max="12271" width="9" style="1"/>
    <col min="12272" max="12272" width="10.75" style="1" customWidth="1"/>
    <col min="12273" max="12273" width="5" style="1" customWidth="1"/>
    <col min="12274" max="12274" width="6.875" style="1" customWidth="1"/>
    <col min="12275" max="12527" width="9" style="1"/>
    <col min="12528" max="12528" width="10.75" style="1" customWidth="1"/>
    <col min="12529" max="12529" width="5" style="1" customWidth="1"/>
    <col min="12530" max="12530" width="6.875" style="1" customWidth="1"/>
    <col min="12531" max="12783" width="9" style="1"/>
    <col min="12784" max="12784" width="10.75" style="1" customWidth="1"/>
    <col min="12785" max="12785" width="5" style="1" customWidth="1"/>
    <col min="12786" max="12786" width="6.875" style="1" customWidth="1"/>
    <col min="12787" max="13039" width="9" style="1"/>
    <col min="13040" max="13040" width="10.75" style="1" customWidth="1"/>
    <col min="13041" max="13041" width="5" style="1" customWidth="1"/>
    <col min="13042" max="13042" width="6.875" style="1" customWidth="1"/>
    <col min="13043" max="13295" width="9" style="1"/>
    <col min="13296" max="13296" width="10.75" style="1" customWidth="1"/>
    <col min="13297" max="13297" width="5" style="1" customWidth="1"/>
    <col min="13298" max="13298" width="6.875" style="1" customWidth="1"/>
    <col min="13299" max="13551" width="9" style="1"/>
    <col min="13552" max="13552" width="10.75" style="1" customWidth="1"/>
    <col min="13553" max="13553" width="5" style="1" customWidth="1"/>
    <col min="13554" max="13554" width="6.875" style="1" customWidth="1"/>
    <col min="13555" max="13807" width="9" style="1"/>
    <col min="13808" max="13808" width="10.75" style="1" customWidth="1"/>
    <col min="13809" max="13809" width="5" style="1" customWidth="1"/>
    <col min="13810" max="13810" width="6.875" style="1" customWidth="1"/>
    <col min="13811" max="14063" width="9" style="1"/>
    <col min="14064" max="14064" width="10.75" style="1" customWidth="1"/>
    <col min="14065" max="14065" width="5" style="1" customWidth="1"/>
    <col min="14066" max="14066" width="6.875" style="1" customWidth="1"/>
    <col min="14067" max="14319" width="9" style="1"/>
    <col min="14320" max="14320" width="10.75" style="1" customWidth="1"/>
    <col min="14321" max="14321" width="5" style="1" customWidth="1"/>
    <col min="14322" max="14322" width="6.875" style="1" customWidth="1"/>
    <col min="14323" max="14575" width="9" style="1"/>
    <col min="14576" max="14576" width="10.75" style="1" customWidth="1"/>
    <col min="14577" max="14577" width="5" style="1" customWidth="1"/>
    <col min="14578" max="14578" width="6.875" style="1" customWidth="1"/>
    <col min="14579" max="14831" width="9" style="1"/>
    <col min="14832" max="14832" width="10.75" style="1" customWidth="1"/>
    <col min="14833" max="14833" width="5" style="1" customWidth="1"/>
    <col min="14834" max="14834" width="6.875" style="1" customWidth="1"/>
    <col min="14835" max="15087" width="9" style="1"/>
    <col min="15088" max="15088" width="10.75" style="1" customWidth="1"/>
    <col min="15089" max="15089" width="5" style="1" customWidth="1"/>
    <col min="15090" max="15090" width="6.875" style="1" customWidth="1"/>
    <col min="15091" max="15343" width="9" style="1"/>
    <col min="15344" max="15344" width="10.75" style="1" customWidth="1"/>
    <col min="15345" max="15345" width="5" style="1" customWidth="1"/>
    <col min="15346" max="15346" width="6.875" style="1" customWidth="1"/>
    <col min="15347" max="15599" width="9" style="1"/>
    <col min="15600" max="15600" width="10.75" style="1" customWidth="1"/>
    <col min="15601" max="15601" width="5" style="1" customWidth="1"/>
    <col min="15602" max="15602" width="6.875" style="1" customWidth="1"/>
    <col min="15603" max="15855" width="9" style="1"/>
    <col min="15856" max="15856" width="10.75" style="1" customWidth="1"/>
    <col min="15857" max="15857" width="5" style="1" customWidth="1"/>
    <col min="15858" max="15858" width="6.875" style="1" customWidth="1"/>
    <col min="15859" max="16111" width="9" style="1"/>
    <col min="16112" max="16112" width="10.75" style="1" customWidth="1"/>
    <col min="16113" max="16113" width="5" style="1" customWidth="1"/>
    <col min="16114" max="16114" width="6.875" style="1" customWidth="1"/>
    <col min="16115" max="16384" width="9" style="1"/>
  </cols>
  <sheetData>
    <row r="1" spans="1:20" s="4" customFormat="1" ht="21.75" customHeight="1" x14ac:dyDescent="0.15">
      <c r="A1" s="12" t="s">
        <v>132</v>
      </c>
      <c r="C1" s="43"/>
      <c r="D1" s="5"/>
      <c r="E1" s="5"/>
    </row>
    <row r="2" spans="1:20" s="4" customFormat="1" x14ac:dyDescent="0.15">
      <c r="A2" s="3"/>
      <c r="C2" s="43"/>
      <c r="D2" s="5"/>
      <c r="E2" s="5"/>
    </row>
    <row r="3" spans="1:20" s="4" customFormat="1" ht="15" customHeight="1" x14ac:dyDescent="0.15">
      <c r="A3" s="82" t="s">
        <v>84</v>
      </c>
      <c r="B3" s="60" t="s">
        <v>109</v>
      </c>
      <c r="C3" s="61"/>
      <c r="D3" s="83" t="s">
        <v>110</v>
      </c>
      <c r="E3" s="79" t="s">
        <v>111</v>
      </c>
      <c r="F3" s="80"/>
      <c r="G3" s="80"/>
      <c r="H3" s="80"/>
      <c r="I3" s="80"/>
      <c r="J3" s="80"/>
      <c r="K3" s="80"/>
      <c r="L3" s="80"/>
      <c r="M3" s="81"/>
      <c r="N3" s="68" t="s">
        <v>118</v>
      </c>
      <c r="O3" s="69"/>
      <c r="P3" s="69"/>
      <c r="Q3" s="69"/>
      <c r="R3" s="69"/>
      <c r="S3" s="69"/>
      <c r="T3" s="70"/>
    </row>
    <row r="4" spans="1:20" s="6" customFormat="1" ht="11.25" customHeight="1" x14ac:dyDescent="0.15">
      <c r="A4" s="82"/>
      <c r="B4" s="62"/>
      <c r="C4" s="63"/>
      <c r="D4" s="83"/>
      <c r="E4" s="54" t="s">
        <v>124</v>
      </c>
      <c r="F4" s="71" t="s">
        <v>126</v>
      </c>
      <c r="G4" s="73"/>
      <c r="H4" s="74"/>
      <c r="I4" s="75" t="s">
        <v>127</v>
      </c>
      <c r="J4" s="77"/>
      <c r="K4" s="77"/>
      <c r="L4" s="78"/>
      <c r="M4" s="54" t="s">
        <v>117</v>
      </c>
      <c r="N4" s="54" t="s">
        <v>124</v>
      </c>
      <c r="O4" s="54" t="s">
        <v>119</v>
      </c>
      <c r="P4" s="75" t="s">
        <v>128</v>
      </c>
      <c r="Q4" s="66"/>
      <c r="R4" s="66"/>
      <c r="S4" s="67"/>
      <c r="T4" s="54" t="s">
        <v>123</v>
      </c>
    </row>
    <row r="5" spans="1:20" ht="69.95" customHeight="1" x14ac:dyDescent="0.15">
      <c r="A5" s="82"/>
      <c r="B5" s="62"/>
      <c r="C5" s="63"/>
      <c r="D5" s="54"/>
      <c r="E5" s="55"/>
      <c r="F5" s="72"/>
      <c r="G5" s="40" t="s">
        <v>112</v>
      </c>
      <c r="H5" s="40" t="s">
        <v>113</v>
      </c>
      <c r="I5" s="76"/>
      <c r="J5" s="41" t="s">
        <v>114</v>
      </c>
      <c r="K5" s="41" t="s">
        <v>115</v>
      </c>
      <c r="L5" s="41" t="s">
        <v>116</v>
      </c>
      <c r="M5" s="55"/>
      <c r="N5" s="55"/>
      <c r="O5" s="55"/>
      <c r="P5" s="76"/>
      <c r="Q5" s="41" t="s">
        <v>120</v>
      </c>
      <c r="R5" s="41" t="s">
        <v>121</v>
      </c>
      <c r="S5" s="41" t="s">
        <v>122</v>
      </c>
      <c r="T5" s="55"/>
    </row>
    <row r="6" spans="1:20" ht="19.5" customHeight="1" x14ac:dyDescent="0.15">
      <c r="A6" s="82"/>
      <c r="B6" s="64"/>
      <c r="C6" s="65"/>
      <c r="D6" s="42" t="s">
        <v>82</v>
      </c>
      <c r="E6" s="42" t="s">
        <v>82</v>
      </c>
      <c r="F6" s="42" t="s">
        <v>82</v>
      </c>
      <c r="G6" s="42" t="s">
        <v>82</v>
      </c>
      <c r="H6" s="42" t="s">
        <v>82</v>
      </c>
      <c r="I6" s="42" t="s">
        <v>82</v>
      </c>
      <c r="J6" s="42" t="s">
        <v>82</v>
      </c>
      <c r="K6" s="42" t="s">
        <v>82</v>
      </c>
      <c r="L6" s="42" t="s">
        <v>82</v>
      </c>
      <c r="M6" s="42" t="s">
        <v>82</v>
      </c>
      <c r="N6" s="42" t="s">
        <v>82</v>
      </c>
      <c r="O6" s="42" t="s">
        <v>82</v>
      </c>
      <c r="P6" s="42" t="s">
        <v>82</v>
      </c>
      <c r="Q6" s="42" t="s">
        <v>82</v>
      </c>
      <c r="R6" s="42" t="s">
        <v>82</v>
      </c>
      <c r="S6" s="42" t="s">
        <v>82</v>
      </c>
      <c r="T6" s="42" t="s">
        <v>82</v>
      </c>
    </row>
    <row r="7" spans="1:20" ht="18.75" x14ac:dyDescent="0.15">
      <c r="A7" s="13" t="s">
        <v>89</v>
      </c>
      <c r="B7" s="14">
        <v>1</v>
      </c>
      <c r="C7" s="44" t="s">
        <v>87</v>
      </c>
      <c r="D7" s="24">
        <v>177010</v>
      </c>
      <c r="E7" s="24">
        <v>162309</v>
      </c>
      <c r="F7" s="24">
        <v>138751</v>
      </c>
      <c r="G7" s="24">
        <v>12754</v>
      </c>
      <c r="H7" s="24">
        <v>125997</v>
      </c>
      <c r="I7" s="24">
        <v>19625</v>
      </c>
      <c r="J7" s="24">
        <v>17602</v>
      </c>
      <c r="K7" s="24">
        <v>1603</v>
      </c>
      <c r="L7" s="24">
        <v>420</v>
      </c>
      <c r="M7" s="24">
        <v>3933</v>
      </c>
      <c r="N7" s="24">
        <v>14701</v>
      </c>
      <c r="O7" s="24">
        <v>12817</v>
      </c>
      <c r="P7" s="24">
        <v>1647</v>
      </c>
      <c r="Q7" s="24">
        <v>984</v>
      </c>
      <c r="R7" s="24">
        <v>624</v>
      </c>
      <c r="S7" s="24">
        <v>39</v>
      </c>
      <c r="T7" s="24">
        <v>237</v>
      </c>
    </row>
    <row r="8" spans="1:20" ht="18.75" x14ac:dyDescent="0.15">
      <c r="A8" s="16" t="s">
        <v>89</v>
      </c>
      <c r="B8" s="19">
        <v>2</v>
      </c>
      <c r="C8" s="46" t="s">
        <v>86</v>
      </c>
      <c r="D8" s="25">
        <v>96404</v>
      </c>
      <c r="E8" s="25">
        <v>88579</v>
      </c>
      <c r="F8" s="25">
        <v>72652</v>
      </c>
      <c r="G8" s="25">
        <v>7002</v>
      </c>
      <c r="H8" s="25">
        <v>65650</v>
      </c>
      <c r="I8" s="25">
        <v>13748</v>
      </c>
      <c r="J8" s="25">
        <v>12160</v>
      </c>
      <c r="K8" s="25">
        <v>1302</v>
      </c>
      <c r="L8" s="25">
        <v>286</v>
      </c>
      <c r="M8" s="25">
        <v>2179</v>
      </c>
      <c r="N8" s="25">
        <v>7825</v>
      </c>
      <c r="O8" s="25">
        <v>6895</v>
      </c>
      <c r="P8" s="25">
        <v>798</v>
      </c>
      <c r="Q8" s="25">
        <v>463</v>
      </c>
      <c r="R8" s="25">
        <v>315</v>
      </c>
      <c r="S8" s="25">
        <v>20</v>
      </c>
      <c r="T8" s="25">
        <v>132</v>
      </c>
    </row>
    <row r="9" spans="1:20" ht="18.75" x14ac:dyDescent="0.15">
      <c r="A9" s="20" t="s">
        <v>90</v>
      </c>
      <c r="B9" s="26">
        <v>3</v>
      </c>
      <c r="C9" s="47" t="s">
        <v>85</v>
      </c>
      <c r="D9" s="27">
        <v>80606</v>
      </c>
      <c r="E9" s="27">
        <v>73730</v>
      </c>
      <c r="F9" s="27">
        <v>66099</v>
      </c>
      <c r="G9" s="27">
        <v>5752</v>
      </c>
      <c r="H9" s="27">
        <v>60347</v>
      </c>
      <c r="I9" s="27">
        <v>5877</v>
      </c>
      <c r="J9" s="27">
        <v>5442</v>
      </c>
      <c r="K9" s="27">
        <v>301</v>
      </c>
      <c r="L9" s="27">
        <v>134</v>
      </c>
      <c r="M9" s="27">
        <v>1754</v>
      </c>
      <c r="N9" s="27">
        <v>6876</v>
      </c>
      <c r="O9" s="27">
        <v>5922</v>
      </c>
      <c r="P9" s="27">
        <v>849</v>
      </c>
      <c r="Q9" s="27">
        <v>521</v>
      </c>
      <c r="R9" s="27">
        <v>309</v>
      </c>
      <c r="S9" s="27">
        <v>19</v>
      </c>
      <c r="T9" s="27">
        <v>105</v>
      </c>
    </row>
    <row r="10" spans="1:20" ht="18.75" x14ac:dyDescent="0.15">
      <c r="A10" s="13" t="s">
        <v>91</v>
      </c>
      <c r="B10" s="14">
        <v>1</v>
      </c>
      <c r="C10" s="44" t="s">
        <v>87</v>
      </c>
      <c r="D10" s="24">
        <v>11653</v>
      </c>
      <c r="E10" s="24">
        <v>10772</v>
      </c>
      <c r="F10" s="24">
        <v>9846</v>
      </c>
      <c r="G10" s="24">
        <v>872</v>
      </c>
      <c r="H10" s="24">
        <v>8974</v>
      </c>
      <c r="I10" s="24">
        <v>726</v>
      </c>
      <c r="J10" s="24">
        <v>561</v>
      </c>
      <c r="K10" s="24">
        <v>144</v>
      </c>
      <c r="L10" s="24">
        <v>21</v>
      </c>
      <c r="M10" s="24">
        <v>200</v>
      </c>
      <c r="N10" s="24">
        <v>881</v>
      </c>
      <c r="O10" s="24">
        <v>781</v>
      </c>
      <c r="P10" s="24">
        <v>84</v>
      </c>
      <c r="Q10" s="24">
        <v>41</v>
      </c>
      <c r="R10" s="24">
        <v>38</v>
      </c>
      <c r="S10" s="24">
        <v>5</v>
      </c>
      <c r="T10" s="24">
        <v>16</v>
      </c>
    </row>
    <row r="11" spans="1:20" ht="18.75" x14ac:dyDescent="0.15">
      <c r="A11" s="16" t="s">
        <v>91</v>
      </c>
      <c r="B11" s="19">
        <v>2</v>
      </c>
      <c r="C11" s="46" t="s">
        <v>86</v>
      </c>
      <c r="D11" s="25">
        <v>6344</v>
      </c>
      <c r="E11" s="25">
        <v>5879</v>
      </c>
      <c r="F11" s="25">
        <v>5162</v>
      </c>
      <c r="G11" s="25">
        <v>503</v>
      </c>
      <c r="H11" s="25">
        <v>4659</v>
      </c>
      <c r="I11" s="25">
        <v>606</v>
      </c>
      <c r="J11" s="25">
        <v>469</v>
      </c>
      <c r="K11" s="25">
        <v>123</v>
      </c>
      <c r="L11" s="25">
        <v>14</v>
      </c>
      <c r="M11" s="25">
        <v>111</v>
      </c>
      <c r="N11" s="25">
        <v>465</v>
      </c>
      <c r="O11" s="25">
        <v>421</v>
      </c>
      <c r="P11" s="25">
        <v>34</v>
      </c>
      <c r="Q11" s="25">
        <v>13</v>
      </c>
      <c r="R11" s="25">
        <v>18</v>
      </c>
      <c r="S11" s="25">
        <v>3</v>
      </c>
      <c r="T11" s="25">
        <v>10</v>
      </c>
    </row>
    <row r="12" spans="1:20" ht="18.75" x14ac:dyDescent="0.15">
      <c r="A12" s="22" t="s">
        <v>92</v>
      </c>
      <c r="B12" s="28">
        <v>3</v>
      </c>
      <c r="C12" s="50" t="s">
        <v>85</v>
      </c>
      <c r="D12" s="27">
        <v>5309</v>
      </c>
      <c r="E12" s="27">
        <v>4893</v>
      </c>
      <c r="F12" s="27">
        <v>4684</v>
      </c>
      <c r="G12" s="27">
        <v>369</v>
      </c>
      <c r="H12" s="27">
        <v>4315</v>
      </c>
      <c r="I12" s="27">
        <v>120</v>
      </c>
      <c r="J12" s="27">
        <v>92</v>
      </c>
      <c r="K12" s="27">
        <v>21</v>
      </c>
      <c r="L12" s="27">
        <v>7</v>
      </c>
      <c r="M12" s="27">
        <v>89</v>
      </c>
      <c r="N12" s="27">
        <v>416</v>
      </c>
      <c r="O12" s="27">
        <v>360</v>
      </c>
      <c r="P12" s="27">
        <v>50</v>
      </c>
      <c r="Q12" s="27">
        <v>28</v>
      </c>
      <c r="R12" s="27">
        <v>20</v>
      </c>
      <c r="S12" s="27">
        <v>2</v>
      </c>
      <c r="T12" s="27">
        <v>6</v>
      </c>
    </row>
    <row r="13" spans="1:20" ht="18.75" x14ac:dyDescent="0.15">
      <c r="A13" s="29" t="s">
        <v>100</v>
      </c>
      <c r="B13" s="30">
        <v>1</v>
      </c>
      <c r="C13" s="51" t="s">
        <v>87</v>
      </c>
      <c r="D13" s="24">
        <v>5409</v>
      </c>
      <c r="E13" s="24">
        <v>4846</v>
      </c>
      <c r="F13" s="24">
        <v>4212</v>
      </c>
      <c r="G13" s="24">
        <v>398</v>
      </c>
      <c r="H13" s="24">
        <v>3814</v>
      </c>
      <c r="I13" s="24">
        <v>509</v>
      </c>
      <c r="J13" s="24">
        <v>465</v>
      </c>
      <c r="K13" s="24">
        <v>24</v>
      </c>
      <c r="L13" s="24">
        <v>20</v>
      </c>
      <c r="M13" s="24">
        <v>125</v>
      </c>
      <c r="N13" s="24">
        <v>563</v>
      </c>
      <c r="O13" s="24">
        <v>490</v>
      </c>
      <c r="P13" s="24">
        <v>68</v>
      </c>
      <c r="Q13" s="24">
        <v>52</v>
      </c>
      <c r="R13" s="24">
        <v>14</v>
      </c>
      <c r="S13" s="24">
        <v>2</v>
      </c>
      <c r="T13" s="24">
        <v>5</v>
      </c>
    </row>
    <row r="14" spans="1:20" ht="18.75" x14ac:dyDescent="0.15">
      <c r="A14" s="16" t="s">
        <v>101</v>
      </c>
      <c r="B14" s="19">
        <v>2</v>
      </c>
      <c r="C14" s="46" t="s">
        <v>86</v>
      </c>
      <c r="D14" s="25">
        <v>2945</v>
      </c>
      <c r="E14" s="25">
        <v>2631</v>
      </c>
      <c r="F14" s="25">
        <v>2243</v>
      </c>
      <c r="G14" s="25">
        <v>222</v>
      </c>
      <c r="H14" s="25">
        <v>2021</v>
      </c>
      <c r="I14" s="25">
        <v>322</v>
      </c>
      <c r="J14" s="25">
        <v>290</v>
      </c>
      <c r="K14" s="25">
        <v>20</v>
      </c>
      <c r="L14" s="25">
        <v>12</v>
      </c>
      <c r="M14" s="25">
        <v>66</v>
      </c>
      <c r="N14" s="25">
        <v>314</v>
      </c>
      <c r="O14" s="25">
        <v>279</v>
      </c>
      <c r="P14" s="25">
        <v>31</v>
      </c>
      <c r="Q14" s="25">
        <v>21</v>
      </c>
      <c r="R14" s="25">
        <v>9</v>
      </c>
      <c r="S14" s="25">
        <v>1</v>
      </c>
      <c r="T14" s="25">
        <v>4</v>
      </c>
    </row>
    <row r="15" spans="1:20" ht="18.75" x14ac:dyDescent="0.15">
      <c r="A15" s="20" t="s">
        <v>100</v>
      </c>
      <c r="B15" s="26">
        <v>3</v>
      </c>
      <c r="C15" s="47" t="s">
        <v>85</v>
      </c>
      <c r="D15" s="27">
        <v>2464</v>
      </c>
      <c r="E15" s="27">
        <v>2215</v>
      </c>
      <c r="F15" s="27">
        <v>1969</v>
      </c>
      <c r="G15" s="27">
        <v>176</v>
      </c>
      <c r="H15" s="27">
        <v>1793</v>
      </c>
      <c r="I15" s="27">
        <v>187</v>
      </c>
      <c r="J15" s="27">
        <v>175</v>
      </c>
      <c r="K15" s="27">
        <v>4</v>
      </c>
      <c r="L15" s="27">
        <v>8</v>
      </c>
      <c r="M15" s="27">
        <v>59</v>
      </c>
      <c r="N15" s="27">
        <v>249</v>
      </c>
      <c r="O15" s="27">
        <v>211</v>
      </c>
      <c r="P15" s="27">
        <v>37</v>
      </c>
      <c r="Q15" s="27">
        <v>31</v>
      </c>
      <c r="R15" s="27">
        <v>5</v>
      </c>
      <c r="S15" s="27">
        <v>1</v>
      </c>
      <c r="T15" s="27">
        <v>1</v>
      </c>
    </row>
    <row r="16" spans="1:20" ht="18.75" x14ac:dyDescent="0.15">
      <c r="A16" s="13" t="s">
        <v>94</v>
      </c>
      <c r="B16" s="14">
        <v>1</v>
      </c>
      <c r="C16" s="44" t="s">
        <v>87</v>
      </c>
      <c r="D16" s="24">
        <v>10748</v>
      </c>
      <c r="E16" s="24">
        <v>9890</v>
      </c>
      <c r="F16" s="24">
        <v>9037</v>
      </c>
      <c r="G16" s="24">
        <v>1183</v>
      </c>
      <c r="H16" s="24">
        <v>7854</v>
      </c>
      <c r="I16" s="24">
        <v>633</v>
      </c>
      <c r="J16" s="24">
        <v>538</v>
      </c>
      <c r="K16" s="24">
        <v>60</v>
      </c>
      <c r="L16" s="24">
        <v>35</v>
      </c>
      <c r="M16" s="24">
        <v>220</v>
      </c>
      <c r="N16" s="24">
        <v>858</v>
      </c>
      <c r="O16" s="24">
        <v>749</v>
      </c>
      <c r="P16" s="24">
        <v>90</v>
      </c>
      <c r="Q16" s="24">
        <v>50</v>
      </c>
      <c r="R16" s="24">
        <v>38</v>
      </c>
      <c r="S16" s="24">
        <v>2</v>
      </c>
      <c r="T16" s="24">
        <v>19</v>
      </c>
    </row>
    <row r="17" spans="1:20" ht="18.75" x14ac:dyDescent="0.15">
      <c r="A17" s="16" t="s">
        <v>93</v>
      </c>
      <c r="B17" s="19">
        <v>2</v>
      </c>
      <c r="C17" s="46" t="s">
        <v>86</v>
      </c>
      <c r="D17" s="25">
        <v>5835</v>
      </c>
      <c r="E17" s="25">
        <v>5409</v>
      </c>
      <c r="F17" s="25">
        <v>4792</v>
      </c>
      <c r="G17" s="25">
        <v>697</v>
      </c>
      <c r="H17" s="25">
        <v>4095</v>
      </c>
      <c r="I17" s="25">
        <v>493</v>
      </c>
      <c r="J17" s="25">
        <v>415</v>
      </c>
      <c r="K17" s="25">
        <v>51</v>
      </c>
      <c r="L17" s="25">
        <v>27</v>
      </c>
      <c r="M17" s="25">
        <v>124</v>
      </c>
      <c r="N17" s="25">
        <v>426</v>
      </c>
      <c r="O17" s="25">
        <v>381</v>
      </c>
      <c r="P17" s="25">
        <v>38</v>
      </c>
      <c r="Q17" s="25">
        <v>16</v>
      </c>
      <c r="R17" s="25">
        <v>20</v>
      </c>
      <c r="S17" s="25">
        <v>2</v>
      </c>
      <c r="T17" s="25">
        <v>7</v>
      </c>
    </row>
    <row r="18" spans="1:20" ht="18.75" x14ac:dyDescent="0.15">
      <c r="A18" s="22" t="s">
        <v>102</v>
      </c>
      <c r="B18" s="28">
        <v>3</v>
      </c>
      <c r="C18" s="50" t="s">
        <v>85</v>
      </c>
      <c r="D18" s="27">
        <v>4913</v>
      </c>
      <c r="E18" s="27">
        <v>4481</v>
      </c>
      <c r="F18" s="27">
        <v>4245</v>
      </c>
      <c r="G18" s="27">
        <v>486</v>
      </c>
      <c r="H18" s="27">
        <v>3759</v>
      </c>
      <c r="I18" s="27">
        <v>140</v>
      </c>
      <c r="J18" s="27">
        <v>123</v>
      </c>
      <c r="K18" s="27">
        <v>9</v>
      </c>
      <c r="L18" s="27">
        <v>8</v>
      </c>
      <c r="M18" s="27">
        <v>96</v>
      </c>
      <c r="N18" s="27">
        <v>432</v>
      </c>
      <c r="O18" s="27">
        <v>368</v>
      </c>
      <c r="P18" s="27">
        <v>52</v>
      </c>
      <c r="Q18" s="27">
        <v>34</v>
      </c>
      <c r="R18" s="27">
        <v>18</v>
      </c>
      <c r="S18" s="27">
        <v>0</v>
      </c>
      <c r="T18" s="27">
        <v>12</v>
      </c>
    </row>
    <row r="19" spans="1:20" ht="18.75" x14ac:dyDescent="0.15">
      <c r="A19" s="29" t="s">
        <v>97</v>
      </c>
      <c r="B19" s="30">
        <v>1</v>
      </c>
      <c r="C19" s="51" t="s">
        <v>87</v>
      </c>
      <c r="D19" s="24">
        <v>23430</v>
      </c>
      <c r="E19" s="24">
        <v>21478</v>
      </c>
      <c r="F19" s="24">
        <v>18803</v>
      </c>
      <c r="G19" s="24">
        <v>1469</v>
      </c>
      <c r="H19" s="24">
        <v>17334</v>
      </c>
      <c r="I19" s="24">
        <v>2262</v>
      </c>
      <c r="J19" s="24">
        <v>1997</v>
      </c>
      <c r="K19" s="24">
        <v>201</v>
      </c>
      <c r="L19" s="24">
        <v>64</v>
      </c>
      <c r="M19" s="24">
        <v>413</v>
      </c>
      <c r="N19" s="24">
        <v>1952</v>
      </c>
      <c r="O19" s="24">
        <v>1741</v>
      </c>
      <c r="P19" s="24">
        <v>174</v>
      </c>
      <c r="Q19" s="24">
        <v>100</v>
      </c>
      <c r="R19" s="24">
        <v>69</v>
      </c>
      <c r="S19" s="24">
        <v>5</v>
      </c>
      <c r="T19" s="24">
        <v>37</v>
      </c>
    </row>
    <row r="20" spans="1:20" ht="18.75" x14ac:dyDescent="0.15">
      <c r="A20" s="16" t="s">
        <v>97</v>
      </c>
      <c r="B20" s="19">
        <v>2</v>
      </c>
      <c r="C20" s="46" t="s">
        <v>86</v>
      </c>
      <c r="D20" s="25">
        <v>12565</v>
      </c>
      <c r="E20" s="25">
        <v>11565</v>
      </c>
      <c r="F20" s="25">
        <v>9681</v>
      </c>
      <c r="G20" s="25">
        <v>843</v>
      </c>
      <c r="H20" s="25">
        <v>8838</v>
      </c>
      <c r="I20" s="25">
        <v>1655</v>
      </c>
      <c r="J20" s="25">
        <v>1446</v>
      </c>
      <c r="K20" s="25">
        <v>168</v>
      </c>
      <c r="L20" s="25">
        <v>41</v>
      </c>
      <c r="M20" s="25">
        <v>229</v>
      </c>
      <c r="N20" s="25">
        <v>1000</v>
      </c>
      <c r="O20" s="25">
        <v>903</v>
      </c>
      <c r="P20" s="25">
        <v>86</v>
      </c>
      <c r="Q20" s="25">
        <v>50</v>
      </c>
      <c r="R20" s="25">
        <v>33</v>
      </c>
      <c r="S20" s="25">
        <v>3</v>
      </c>
      <c r="T20" s="25">
        <v>11</v>
      </c>
    </row>
    <row r="21" spans="1:20" ht="18.75" x14ac:dyDescent="0.15">
      <c r="A21" s="20" t="s">
        <v>97</v>
      </c>
      <c r="B21" s="26">
        <v>3</v>
      </c>
      <c r="C21" s="47" t="s">
        <v>85</v>
      </c>
      <c r="D21" s="27">
        <v>10865</v>
      </c>
      <c r="E21" s="27">
        <v>9913</v>
      </c>
      <c r="F21" s="27">
        <v>9122</v>
      </c>
      <c r="G21" s="27">
        <v>626</v>
      </c>
      <c r="H21" s="27">
        <v>8496</v>
      </c>
      <c r="I21" s="27">
        <v>607</v>
      </c>
      <c r="J21" s="27">
        <v>551</v>
      </c>
      <c r="K21" s="27">
        <v>33</v>
      </c>
      <c r="L21" s="27">
        <v>23</v>
      </c>
      <c r="M21" s="27">
        <v>184</v>
      </c>
      <c r="N21" s="27">
        <v>952</v>
      </c>
      <c r="O21" s="27">
        <v>838</v>
      </c>
      <c r="P21" s="27">
        <v>88</v>
      </c>
      <c r="Q21" s="27">
        <v>50</v>
      </c>
      <c r="R21" s="27">
        <v>36</v>
      </c>
      <c r="S21" s="27">
        <v>2</v>
      </c>
      <c r="T21" s="27">
        <v>26</v>
      </c>
    </row>
    <row r="22" spans="1:20" ht="18.75" x14ac:dyDescent="0.15">
      <c r="A22" s="13" t="s">
        <v>103</v>
      </c>
      <c r="B22" s="14">
        <v>1</v>
      </c>
      <c r="C22" s="44" t="s">
        <v>87</v>
      </c>
      <c r="D22" s="24">
        <v>735</v>
      </c>
      <c r="E22" s="24">
        <v>680</v>
      </c>
      <c r="F22" s="24">
        <v>586</v>
      </c>
      <c r="G22" s="24">
        <v>86</v>
      </c>
      <c r="H22" s="24">
        <v>500</v>
      </c>
      <c r="I22" s="24">
        <v>53</v>
      </c>
      <c r="J22" s="24">
        <v>45</v>
      </c>
      <c r="K22" s="24">
        <v>4</v>
      </c>
      <c r="L22" s="24">
        <v>4</v>
      </c>
      <c r="M22" s="24">
        <v>41</v>
      </c>
      <c r="N22" s="24">
        <v>55</v>
      </c>
      <c r="O22" s="24">
        <v>45</v>
      </c>
      <c r="P22" s="24">
        <v>6</v>
      </c>
      <c r="Q22" s="24">
        <v>4</v>
      </c>
      <c r="R22" s="24">
        <v>1</v>
      </c>
      <c r="S22" s="24">
        <v>1</v>
      </c>
      <c r="T22" s="24">
        <v>4</v>
      </c>
    </row>
    <row r="23" spans="1:20" ht="18.75" x14ac:dyDescent="0.15">
      <c r="A23" s="16" t="s">
        <v>104</v>
      </c>
      <c r="B23" s="19">
        <v>2</v>
      </c>
      <c r="C23" s="46" t="s">
        <v>86</v>
      </c>
      <c r="D23" s="25">
        <v>393</v>
      </c>
      <c r="E23" s="25">
        <v>366</v>
      </c>
      <c r="F23" s="25">
        <v>313</v>
      </c>
      <c r="G23" s="25">
        <v>55</v>
      </c>
      <c r="H23" s="25">
        <v>258</v>
      </c>
      <c r="I23" s="25">
        <v>32</v>
      </c>
      <c r="J23" s="25">
        <v>26</v>
      </c>
      <c r="K23" s="25">
        <v>3</v>
      </c>
      <c r="L23" s="25">
        <v>3</v>
      </c>
      <c r="M23" s="25">
        <v>21</v>
      </c>
      <c r="N23" s="25">
        <v>27</v>
      </c>
      <c r="O23" s="25">
        <v>20</v>
      </c>
      <c r="P23" s="25">
        <v>4</v>
      </c>
      <c r="Q23" s="25">
        <v>3</v>
      </c>
      <c r="R23" s="25">
        <v>0</v>
      </c>
      <c r="S23" s="25">
        <v>1</v>
      </c>
      <c r="T23" s="25">
        <v>3</v>
      </c>
    </row>
    <row r="24" spans="1:20" ht="18.75" x14ac:dyDescent="0.15">
      <c r="A24" s="22" t="s">
        <v>103</v>
      </c>
      <c r="B24" s="28">
        <v>3</v>
      </c>
      <c r="C24" s="50" t="s">
        <v>85</v>
      </c>
      <c r="D24" s="27">
        <v>342</v>
      </c>
      <c r="E24" s="27">
        <v>314</v>
      </c>
      <c r="F24" s="27">
        <v>273</v>
      </c>
      <c r="G24" s="27">
        <v>31</v>
      </c>
      <c r="H24" s="27">
        <v>242</v>
      </c>
      <c r="I24" s="27">
        <v>21</v>
      </c>
      <c r="J24" s="27">
        <v>19</v>
      </c>
      <c r="K24" s="27">
        <v>1</v>
      </c>
      <c r="L24" s="27">
        <v>1</v>
      </c>
      <c r="M24" s="27">
        <v>20</v>
      </c>
      <c r="N24" s="27">
        <v>28</v>
      </c>
      <c r="O24" s="27">
        <v>25</v>
      </c>
      <c r="P24" s="27">
        <v>2</v>
      </c>
      <c r="Q24" s="27">
        <v>1</v>
      </c>
      <c r="R24" s="27">
        <v>1</v>
      </c>
      <c r="S24" s="27">
        <v>0</v>
      </c>
      <c r="T24" s="27">
        <v>1</v>
      </c>
    </row>
    <row r="25" spans="1:20" ht="18.75" x14ac:dyDescent="0.15">
      <c r="A25" s="29" t="s">
        <v>99</v>
      </c>
      <c r="B25" s="30">
        <v>1</v>
      </c>
      <c r="C25" s="51" t="s">
        <v>87</v>
      </c>
      <c r="D25" s="24">
        <v>677</v>
      </c>
      <c r="E25" s="24">
        <v>621</v>
      </c>
      <c r="F25" s="24">
        <v>562</v>
      </c>
      <c r="G25" s="24">
        <v>58</v>
      </c>
      <c r="H25" s="24">
        <v>504</v>
      </c>
      <c r="I25" s="24">
        <v>34</v>
      </c>
      <c r="J25" s="24">
        <v>21</v>
      </c>
      <c r="K25" s="24">
        <v>13</v>
      </c>
      <c r="L25" s="24">
        <v>0</v>
      </c>
      <c r="M25" s="24">
        <v>25</v>
      </c>
      <c r="N25" s="24">
        <v>56</v>
      </c>
      <c r="O25" s="24">
        <v>53</v>
      </c>
      <c r="P25" s="24">
        <v>3</v>
      </c>
      <c r="Q25" s="24">
        <v>1</v>
      </c>
      <c r="R25" s="24">
        <v>1</v>
      </c>
      <c r="S25" s="24">
        <v>1</v>
      </c>
      <c r="T25" s="24">
        <v>0</v>
      </c>
    </row>
    <row r="26" spans="1:20" ht="18.75" x14ac:dyDescent="0.15">
      <c r="A26" s="16" t="s">
        <v>98</v>
      </c>
      <c r="B26" s="19">
        <v>2</v>
      </c>
      <c r="C26" s="46" t="s">
        <v>86</v>
      </c>
      <c r="D26" s="25">
        <v>371</v>
      </c>
      <c r="E26" s="25">
        <v>334</v>
      </c>
      <c r="F26" s="25">
        <v>296</v>
      </c>
      <c r="G26" s="25">
        <v>29</v>
      </c>
      <c r="H26" s="25">
        <v>267</v>
      </c>
      <c r="I26" s="25">
        <v>27</v>
      </c>
      <c r="J26" s="25">
        <v>17</v>
      </c>
      <c r="K26" s="25">
        <v>10</v>
      </c>
      <c r="L26" s="25">
        <v>0</v>
      </c>
      <c r="M26" s="25">
        <v>11</v>
      </c>
      <c r="N26" s="25">
        <v>37</v>
      </c>
      <c r="O26" s="25">
        <v>37</v>
      </c>
      <c r="P26" s="25">
        <v>0</v>
      </c>
      <c r="Q26" s="25">
        <v>0</v>
      </c>
      <c r="R26" s="25">
        <v>0</v>
      </c>
      <c r="S26" s="25">
        <v>0</v>
      </c>
      <c r="T26" s="25">
        <v>0</v>
      </c>
    </row>
    <row r="27" spans="1:20" ht="19.5" thickBot="1" x14ac:dyDescent="0.2">
      <c r="A27" s="20" t="s">
        <v>98</v>
      </c>
      <c r="B27" s="26">
        <v>3</v>
      </c>
      <c r="C27" s="47" t="s">
        <v>85</v>
      </c>
      <c r="D27" s="27">
        <v>306</v>
      </c>
      <c r="E27" s="27">
        <v>287</v>
      </c>
      <c r="F27" s="27">
        <v>266</v>
      </c>
      <c r="G27" s="27">
        <v>29</v>
      </c>
      <c r="H27" s="27">
        <v>237</v>
      </c>
      <c r="I27" s="27">
        <v>7</v>
      </c>
      <c r="J27" s="27">
        <v>4</v>
      </c>
      <c r="K27" s="27">
        <v>3</v>
      </c>
      <c r="L27" s="27">
        <v>0</v>
      </c>
      <c r="M27" s="27">
        <v>14</v>
      </c>
      <c r="N27" s="27">
        <v>19</v>
      </c>
      <c r="O27" s="27">
        <v>16</v>
      </c>
      <c r="P27" s="27">
        <v>3</v>
      </c>
      <c r="Q27" s="27">
        <v>1</v>
      </c>
      <c r="R27" s="27">
        <v>1</v>
      </c>
      <c r="S27" s="27">
        <v>1</v>
      </c>
      <c r="T27" s="27">
        <v>0</v>
      </c>
    </row>
    <row r="28" spans="1:20" ht="19.5" thickTop="1" x14ac:dyDescent="0.15">
      <c r="A28" s="32" t="s">
        <v>88</v>
      </c>
      <c r="B28" s="33">
        <v>1</v>
      </c>
      <c r="C28" s="52" t="s">
        <v>87</v>
      </c>
      <c r="D28" s="34">
        <v>229662</v>
      </c>
      <c r="E28" s="34">
        <v>210596</v>
      </c>
      <c r="F28" s="34">
        <v>181797</v>
      </c>
      <c r="G28" s="34">
        <v>16820</v>
      </c>
      <c r="H28" s="34">
        <v>164977</v>
      </c>
      <c r="I28" s="34">
        <v>23842</v>
      </c>
      <c r="J28" s="34">
        <v>21229</v>
      </c>
      <c r="K28" s="34">
        <v>2049</v>
      </c>
      <c r="L28" s="34">
        <v>564</v>
      </c>
      <c r="M28" s="34">
        <v>4957</v>
      </c>
      <c r="N28" s="34">
        <v>19066</v>
      </c>
      <c r="O28" s="34">
        <v>16676</v>
      </c>
      <c r="P28" s="34">
        <v>2072</v>
      </c>
      <c r="Q28" s="34">
        <v>1232</v>
      </c>
      <c r="R28" s="34">
        <v>785</v>
      </c>
      <c r="S28" s="34">
        <v>55</v>
      </c>
      <c r="T28" s="34">
        <v>318</v>
      </c>
    </row>
    <row r="29" spans="1:20" ht="18.75" x14ac:dyDescent="0.15">
      <c r="A29" s="16" t="s">
        <v>88</v>
      </c>
      <c r="B29" s="19">
        <v>2</v>
      </c>
      <c r="C29" s="46" t="s">
        <v>86</v>
      </c>
      <c r="D29" s="25">
        <v>124857</v>
      </c>
      <c r="E29" s="25">
        <v>114763</v>
      </c>
      <c r="F29" s="25">
        <v>95139</v>
      </c>
      <c r="G29" s="25">
        <v>9351</v>
      </c>
      <c r="H29" s="25">
        <v>85788</v>
      </c>
      <c r="I29" s="25">
        <v>16883</v>
      </c>
      <c r="J29" s="25">
        <v>14823</v>
      </c>
      <c r="K29" s="25">
        <v>1677</v>
      </c>
      <c r="L29" s="25">
        <v>383</v>
      </c>
      <c r="M29" s="25">
        <v>2741</v>
      </c>
      <c r="N29" s="25">
        <v>10094</v>
      </c>
      <c r="O29" s="25">
        <v>8936</v>
      </c>
      <c r="P29" s="25">
        <v>991</v>
      </c>
      <c r="Q29" s="25">
        <v>566</v>
      </c>
      <c r="R29" s="25">
        <v>395</v>
      </c>
      <c r="S29" s="25">
        <v>30</v>
      </c>
      <c r="T29" s="25">
        <v>167</v>
      </c>
    </row>
    <row r="30" spans="1:20" ht="18.75" x14ac:dyDescent="0.15">
      <c r="A30" s="22" t="s">
        <v>88</v>
      </c>
      <c r="B30" s="28">
        <v>3</v>
      </c>
      <c r="C30" s="50" t="s">
        <v>85</v>
      </c>
      <c r="D30" s="31">
        <v>104805</v>
      </c>
      <c r="E30" s="31">
        <v>95833</v>
      </c>
      <c r="F30" s="31">
        <v>86658</v>
      </c>
      <c r="G30" s="31">
        <v>7469</v>
      </c>
      <c r="H30" s="31">
        <v>79189</v>
      </c>
      <c r="I30" s="31">
        <v>6959</v>
      </c>
      <c r="J30" s="31">
        <v>6406</v>
      </c>
      <c r="K30" s="31">
        <v>372</v>
      </c>
      <c r="L30" s="31">
        <v>181</v>
      </c>
      <c r="M30" s="31">
        <v>2216</v>
      </c>
      <c r="N30" s="31">
        <v>8972</v>
      </c>
      <c r="O30" s="31">
        <v>7740</v>
      </c>
      <c r="P30" s="31">
        <v>1081</v>
      </c>
      <c r="Q30" s="31">
        <v>666</v>
      </c>
      <c r="R30" s="31">
        <v>390</v>
      </c>
      <c r="S30" s="31">
        <v>25</v>
      </c>
      <c r="T30" s="31">
        <v>151</v>
      </c>
    </row>
    <row r="31" spans="1:20" ht="18.75" x14ac:dyDescent="0.4">
      <c r="A31" s="35" t="s">
        <v>133</v>
      </c>
      <c r="B31" s="36"/>
      <c r="C31" s="53"/>
      <c r="D31" s="36"/>
      <c r="E31" s="36"/>
      <c r="F31" s="38"/>
      <c r="G31" s="37"/>
      <c r="H31" s="39"/>
    </row>
    <row r="32" spans="1:20" ht="18.75" x14ac:dyDescent="0.4">
      <c r="A32" s="35"/>
      <c r="B32" s="36"/>
      <c r="C32" s="53"/>
      <c r="D32" s="36"/>
      <c r="E32" s="36"/>
      <c r="F32" s="38"/>
      <c r="G32" s="37"/>
      <c r="H32" s="39"/>
      <c r="I32"/>
      <c r="J32"/>
      <c r="K32"/>
      <c r="L32"/>
      <c r="M32"/>
      <c r="N32"/>
      <c r="O32"/>
      <c r="P32"/>
      <c r="Q32"/>
      <c r="R32"/>
      <c r="S32"/>
    </row>
  </sheetData>
  <mergeCells count="16">
    <mergeCell ref="T4:T5"/>
    <mergeCell ref="A3:A6"/>
    <mergeCell ref="B3:C6"/>
    <mergeCell ref="D3:D5"/>
    <mergeCell ref="E3:M3"/>
    <mergeCell ref="N3:T3"/>
    <mergeCell ref="E4:E5"/>
    <mergeCell ref="F4:F5"/>
    <mergeCell ref="G4:H4"/>
    <mergeCell ref="I4:I5"/>
    <mergeCell ref="J4:L4"/>
    <mergeCell ref="M4:M5"/>
    <mergeCell ref="N4:N5"/>
    <mergeCell ref="O4:O5"/>
    <mergeCell ref="P4:P5"/>
    <mergeCell ref="Q4:S4"/>
  </mergeCells>
  <phoneticPr fontId="2"/>
  <conditionalFormatting sqref="A10:C30 A7:T9 D10:T27">
    <cfRule type="expression" dxfId="7" priority="8" stopIfTrue="1">
      <formula>#REF!=3</formula>
    </cfRule>
  </conditionalFormatting>
  <conditionalFormatting sqref="D3 D6:T6">
    <cfRule type="expression" dxfId="6" priority="7" stopIfTrue="1">
      <formula>$D3=3</formula>
    </cfRule>
  </conditionalFormatting>
  <conditionalFormatting sqref="D28:T30">
    <cfRule type="expression" dxfId="5" priority="6" stopIfTrue="1">
      <formula>#REF!=3</formula>
    </cfRule>
  </conditionalFormatting>
  <conditionalFormatting sqref="J4">
    <cfRule type="expression" dxfId="4" priority="3" stopIfTrue="1">
      <formula>$D4=3</formula>
    </cfRule>
  </conditionalFormatting>
  <conditionalFormatting sqref="J5:L5">
    <cfRule type="expression" dxfId="3" priority="4" stopIfTrue="1">
      <formula>$D3=3</formula>
    </cfRule>
  </conditionalFormatting>
  <conditionalFormatting sqref="E4 M4 G4 I4">
    <cfRule type="expression" dxfId="2" priority="5" stopIfTrue="1">
      <formula>$D3=3</formula>
    </cfRule>
  </conditionalFormatting>
  <conditionalFormatting sqref="F4">
    <cfRule type="expression" dxfId="1" priority="2" stopIfTrue="1">
      <formula>$D3=3</formula>
    </cfRule>
  </conditionalFormatting>
  <conditionalFormatting sqref="G5:H5">
    <cfRule type="expression" dxfId="0" priority="1" stopIfTrue="1">
      <formula>$D4=3</formula>
    </cfRule>
  </conditionalFormatting>
  <pageMargins left="0.7" right="0.7" top="0.75" bottom="0.75" header="0.3" footer="0.3"/>
  <pageSetup paperSize="9" scale="67" fitToHeight="0" orientation="landscape" horizontalDpi="300" verticalDpi="3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5（地区別）</vt:lpstr>
      <vt:lpstr>５（地域別)</vt:lpstr>
      <vt:lpstr>'５（地域別)'!Print_Area</vt:lpstr>
      <vt:lpstr>'5（地区別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cp:lastPrinted>2023-03-01T02:32:02Z</cp:lastPrinted>
  <dcterms:created xsi:type="dcterms:W3CDTF">2017-12-13T02:07:12Z</dcterms:created>
  <dcterms:modified xsi:type="dcterms:W3CDTF">2023-03-03T07:03:24Z</dcterms:modified>
</cp:coreProperties>
</file>